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8730"/>
  <workbookPr/>
  <mc:AlternateContent xmlns:mc="http://schemas.openxmlformats.org/markup-compatibility/2006">
    <mc:Choice Requires="x15">
      <x15ac:absPath xmlns:x15ac="http://schemas.microsoft.com/office/spreadsheetml/2010/11/ac" url="https://ericsson-my.sharepoint.com/personal/johnny_nystrom_ericsson_com/Documents/Documents/Security/"/>
    </mc:Choice>
  </mc:AlternateContent>
  <xr:revisionPtr revIDLastSave="0" documentId="8_{125075C8-6965-472E-9D9D-731E501913C2}" xr6:coauthVersionLast="47" xr6:coauthVersionMax="47" xr10:uidLastSave="{00000000-0000-0000-0000-000000000000}"/>
  <bookViews>
    <workbookView xWindow="-110" yWindow="-110" windowWidth="19420" windowHeight="10300" activeTab="1" xr2:uid="{00000000-000D-0000-FFFF-FFFF00000000}"/>
  </bookViews>
  <sheets>
    <sheet name="Data Classification Template" sheetId="2" r:id="rId1"/>
    <sheet name="Sensitive Data Classification" sheetId="3" r:id="rId2"/>
  </sheets>
  <definedNames>
    <definedName name="_xlnm._FilterDatabase" localSheetId="0" hidden="1">'Data Classification Template'!$C$13:$G$78</definedName>
    <definedName name="_xlnm.Criteria" localSheetId="0">'Data Classification Template'!$G$78</definedName>
  </definedName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calcFeatures>
    </ext>
  </extLst>
</workbook>
</file>

<file path=xl/comments1.xml><?xml version="1.0" encoding="utf-8"?>
<comments xmlns="http://schemas.openxmlformats.org/spreadsheetml/2006/main" xmlns:mc="http://schemas.openxmlformats.org/markup-compatibility/2006" xmlns:xr="http://schemas.microsoft.com/office/spreadsheetml/2014/revision" mc:Ignorable="xr">
  <authors>
    <author>Heidi Wahl</author>
  </authors>
  <commentList>
    <comment ref="C45" authorId="0" shapeId="0" xr:uid="{5B55C66C-D37F-41C6-8F68-611CDD78EEC0}">
      <text>
        <r>
          <rPr>
            <sz val="12"/>
            <color rgb="FF000000"/>
            <rFont val="Calibri"/>
            <family val="2"/>
          </rPr>
          <t xml:space="preserve">Identifiable user activity is either directly identifiable or identifiable through correlation with (external) data source, e.g., a node that uses temporary identities and a different node that handles mapping tables (linking temporary and permanent identifiers), and where both nodes share data with a collecting server.
</t>
        </r>
      </text>
    </comment>
  </commentList>
</comments>
</file>

<file path=xl/sharedStrings.xml><?xml version="1.0" encoding="utf-8"?>
<sst xmlns="http://schemas.openxmlformats.org/spreadsheetml/2006/main" count="247" uniqueCount="222">
  <si>
    <t>Data Item</t>
  </si>
  <si>
    <t>Collected (Mark with "X")</t>
  </si>
  <si>
    <t>Basic data</t>
  </si>
  <si>
    <t>IP-Address     </t>
  </si>
  <si>
    <t>A static or dynamin numerical label assigned to each device connected to a computer network that uses the Internet Protocol for communication</t>
  </si>
  <si>
    <t>MSISDN</t>
  </si>
  <si>
    <t>A number used to identify a mobile phone number internationally. Not collected directly from a subscriber, but rather from a network element.</t>
  </si>
  <si>
    <t>IMSI</t>
  </si>
  <si>
    <t>A number that uniquely identifies every user of a cellular network</t>
  </si>
  <si>
    <t>IMEI code</t>
  </si>
  <si>
    <t>A number, usually unique, to identify 3GPP and iDEN mobile phones, as well as some satellite phones</t>
  </si>
  <si>
    <t>Generic Public Subscription Identifier (GPSI)</t>
  </si>
  <si>
    <t xml:space="preserve">A means of addressing a 3GPP subscription in data networks outside the realms of a 3GPP system. </t>
  </si>
  <si>
    <t>Permanent Equipment Identifier (PEI)</t>
  </si>
  <si>
    <t>The means by which the network identifies the User Equipment (for devices that are capable of accessing a 3GPP network, the PEI will be an IMEI)</t>
  </si>
  <si>
    <t>Subscription Permanent Identifier (SUPI)</t>
  </si>
  <si>
    <t>In 5G, all subscribers will be allocated a globally unique 5G SUPI. Example SUPI formats include the IMSI and NAI (Network Access Identifier)</t>
  </si>
  <si>
    <t>Mobile number </t>
  </si>
  <si>
    <t>Collected directly from subscriber. The series of numbers that you dial when you are making a telephone call to their mobile phone</t>
  </si>
  <si>
    <t>First name     </t>
  </si>
  <si>
    <t>The first name of an individual</t>
  </si>
  <si>
    <t>Last name      </t>
  </si>
  <si>
    <t>The family, or given name, of an individual</t>
  </si>
  <si>
    <t>User  ID       </t>
  </si>
  <si>
    <t>A unique identifier, commonly used to log on to a website, app, or online service. It may be a username, account number, or email address</t>
  </si>
  <si>
    <t>SIP URI</t>
  </si>
  <si>
    <t>A Uniform Resource Identifier scheme for the Session Initiation Protocol multimedia communications protocol</t>
  </si>
  <si>
    <t>Private User Identity (IMPI)</t>
  </si>
  <si>
    <t>The IMPI within the IMS is the means by which the network identifies the subscription</t>
  </si>
  <si>
    <t>Public User Identity (IMPU)</t>
  </si>
  <si>
    <t>The Public User Identity is the means by which a subscriber of an IMS service is identified by other users of the service</t>
  </si>
  <si>
    <t>Email address</t>
  </si>
  <si>
    <t>An email address identifies an email box to which email messages are delivered</t>
  </si>
  <si>
    <t>Mobile Device Serial Number</t>
  </si>
  <si>
    <t>A unique code that the manufacturer gives the phone</t>
  </si>
  <si>
    <t>Password       </t>
  </si>
  <si>
    <t>A secret word or phrase that must be used to gain admission to a place</t>
  </si>
  <si>
    <t>Birth year / date of birth     </t>
  </si>
  <si>
    <t>A year or specific date which marks when someone is born</t>
  </si>
  <si>
    <t>Country        </t>
  </si>
  <si>
    <t>The nation in which someone resides</t>
  </si>
  <si>
    <t>US State / Postal code     </t>
  </si>
  <si>
    <t>The specific state or location within the United States of America where someone resides</t>
  </si>
  <si>
    <t>Physical address / City</t>
  </si>
  <si>
    <t>The actual location, or urban area where someone resides</t>
  </si>
  <si>
    <t>Login details   </t>
  </si>
  <si>
    <t>A set of credentials used to authenticate a user. Most often, these consist of a username and password</t>
  </si>
  <si>
    <t>Racial or ethnic origin</t>
  </si>
  <si>
    <t>Categorisation of an individual on the basis of their racial profile, or their ethnic status</t>
  </si>
  <si>
    <t>Political opinions</t>
  </si>
  <si>
    <t>The political leanings and views of an individual</t>
  </si>
  <si>
    <t>Religious beliefs</t>
  </si>
  <si>
    <t>The religious denomination and inherent beliefs of an individual</t>
  </si>
  <si>
    <t>Trade union memberships</t>
  </si>
  <si>
    <t>Information as to whether an individual is part of a trade union</t>
  </si>
  <si>
    <t>Sex life or sexual orientation</t>
  </si>
  <si>
    <t>History of an individual's sexual activities, information as to their sexual preferences</t>
  </si>
  <si>
    <t>Physical or mental health conditions</t>
  </si>
  <si>
    <t>Criminal records</t>
  </si>
  <si>
    <t>A list of an individual's previous criminal convictions</t>
  </si>
  <si>
    <t>Other special category data</t>
  </si>
  <si>
    <t>Social Security Number, others (specify)</t>
  </si>
  <si>
    <t>An identifier assigned to a citizen of a nation by its government</t>
  </si>
  <si>
    <t>Call history</t>
  </si>
  <si>
    <t>An itemised list of the telephone numbers called from a particular account</t>
  </si>
  <si>
    <t>Email history</t>
  </si>
  <si>
    <t>An itemised list of the emails sent and received called from a particular account</t>
  </si>
  <si>
    <t>Metadata showing user activity</t>
  </si>
  <si>
    <t>Various data points which show what a user has been doing</t>
  </si>
  <si>
    <t>Event Monitoring (Event Based Monitoring, Call Trace Recordings, General Performance Event Handling …)</t>
  </si>
  <si>
    <t>The process of collecting, analysing, and signalling event occurrences to subscribers such as operating system processes, active database rules as well as human operators</t>
  </si>
  <si>
    <t>Content of communication: voice, text, sound, picture or other content of the communication</t>
  </si>
  <si>
    <t>Voice, text, sound, picture or other content of the communication</t>
  </si>
  <si>
    <t>Browsing/Connection history, URL, originating IP</t>
  </si>
  <si>
    <t>Information as to what an individual has been doing online and where from</t>
  </si>
  <si>
    <t>Location history</t>
  </si>
  <si>
    <t>Information as to where a device is or has been</t>
  </si>
  <si>
    <t>Location: GPS coordinates</t>
  </si>
  <si>
    <t>Location: LAC/CellID</t>
  </si>
  <si>
    <t>A unique identifier for a Location Area withing a Public Land Mobile Network</t>
  </si>
  <si>
    <t>Location: Tracking Area Identity (TAI)</t>
  </si>
  <si>
    <t>The identity used to identify tracking areas. The Tracking Area Identity is constructed from the MCC (Mobile Country Code), MNC (Mobile Network Code) and TAC (Tracking Area Code)</t>
  </si>
  <si>
    <t>Location: Tracking Area Code (TAC)</t>
  </si>
  <si>
    <t>An element of the TAI which serves to uniquely identify the Tracking Area.</t>
  </si>
  <si>
    <t>Location: Other (specify)</t>
  </si>
  <si>
    <t>Any location data not covered by above tags</t>
  </si>
  <si>
    <t>Subscribed services: TV/Media Channels</t>
  </si>
  <si>
    <t>Information as to what media channels an individual has subscribed to</t>
  </si>
  <si>
    <t>Other sensitive data</t>
  </si>
  <si>
    <t>Any surveillance data (specify) (For example, IP addresses, Facial recognition)</t>
  </si>
  <si>
    <t xml:space="preserve">Data used to monitor or surveil an individual </t>
  </si>
  <si>
    <t>Monetary Transactions</t>
  </si>
  <si>
    <t>Credit Card Number/Type/CVV code/expiration date</t>
  </si>
  <si>
    <t>The number listed on the front of a payment card, the type of card, the 3 digit code on the back, or the date when the card expires</t>
  </si>
  <si>
    <t>Credit Card holder information (first name, last name, Company)</t>
  </si>
  <si>
    <t>Name of individual or company listed on the payment card</t>
  </si>
  <si>
    <t>Transactional information: time of calls, tariffs, counters, bill delivery information</t>
  </si>
  <si>
    <t>Information such as time of calls, tariffs, counters, bill delivery information</t>
  </si>
  <si>
    <t>Transactional information: mapping correspondence between payments and consumed services, credits and debits balance</t>
  </si>
  <si>
    <t>Information about the transaction's movement</t>
  </si>
  <si>
    <t>Other data items</t>
  </si>
  <si>
    <t>System User and Administrator Data</t>
  </si>
  <si>
    <t>User ID</t>
  </si>
  <si>
    <t>Password</t>
  </si>
  <si>
    <t>IP-Address</t>
  </si>
  <si>
    <t>Email Address</t>
  </si>
  <si>
    <t>Purpose and technology</t>
  </si>
  <si>
    <t>Personal Data Collection</t>
  </si>
  <si>
    <t>The intended purpose of the function, product, or solution is not for a typical telecommunication service (voice or data) but it is for collecting or analysing subscriber communication or activity (for example  Analytics, Big Data)</t>
  </si>
  <si>
    <t>Artificial Intelligence/Machine Learning</t>
  </si>
  <si>
    <t>Is the AI system used to target, support, identifying or monitoring, any individuals or groups, teams or organizations of humans?</t>
  </si>
  <si>
    <t>Is personal data exposed as input for external self learning AI products/solutions?</t>
  </si>
  <si>
    <t xml:space="preserve">The intended purpose of the ML function processing personal data is to enable a decision or to produce an effect that could potentially harm individuals </t>
  </si>
  <si>
    <t>Device Platform</t>
  </si>
  <si>
    <t>The intended purpose is a platform for IoT, for user applications processing personal data</t>
  </si>
  <si>
    <t>Lawful Intercept</t>
  </si>
  <si>
    <t>The intended purpose of the function, product or solution is for lawful intercept (Mark with "X")</t>
  </si>
  <si>
    <t>The intended purpose of the function, product or solution is for other sharing of information with authorities  (Mark with "X")</t>
  </si>
  <si>
    <t>The node or function is intentionally designed to allow an external actor to combine different personal data items.</t>
  </si>
  <si>
    <t>IF YES, MARK WITH "X"</t>
  </si>
  <si>
    <t>DEFINITION</t>
  </si>
  <si>
    <t>DATA ITEM</t>
  </si>
  <si>
    <t>CATEGORY</t>
  </si>
  <si>
    <t>COMMENTS</t>
  </si>
  <si>
    <t>COLLECTED (Mark with "X")</t>
  </si>
  <si>
    <t>Fill in if the product handles SYSTEM USER AND ADMIN DATA</t>
  </si>
  <si>
    <t>Other types of data not listed above. Like UUID, hashed IMEI, etc.</t>
  </si>
  <si>
    <t>The intended purpose is for the function, product, or solution is for mirroring in regards to troubleshooting and network management. If the mirroring also has the purpose of sending data directly towards authorities or to a GW that redirects it to authorities, please mark under "lawful intercept".</t>
  </si>
  <si>
    <t>Personal data combination</t>
  </si>
  <si>
    <t>Mass-processing</t>
  </si>
  <si>
    <t>Special uses</t>
  </si>
  <si>
    <t xml:space="preserve">Basic, Sensitive, Monetary and other data items that are marked with X in column G, are they valid for all or only a few of the processed individuals?
(Select "Few" if =&lt; 5% of processed population, select "Many" if &gt; 5% of processed population)
Guidance to determine "Few" or "Many"
  -   A tracing feature with limited number (x) of simultaneous traces should be marked with "Few" if the node capacity exceeds x/0.05 subscribers.
  -   A node collecting and sharing individuals location information shall be marked "Many" if this can be done for more than 5% of the max capacity the node can  manage. </t>
  </si>
  <si>
    <t>Special category data</t>
  </si>
  <si>
    <t>The overall health and wellness of an individual, both physically and mentally. Includes all aspects of illnesses or suspected ones.</t>
  </si>
  <si>
    <t>Use this template to make a content, purpose and technology declaration.</t>
  </si>
  <si>
    <t>3. For row 77 onwards: mark “X” in column G if you answer with “Yes” to the control questions. If unsure, mark "X" and leave a comment.</t>
  </si>
  <si>
    <t>1. For data items processed*, mark “X” in “collected” column. If unsure, mark "X" and leave a comment. Add missing data items in the dedicated cells (F62/F71).</t>
  </si>
  <si>
    <t>2. If the product or service handles only system user and admin data (and not subscriber data), proceed directly to row 64.</t>
  </si>
  <si>
    <t>Directly or Indirectly Identifiable User Activity Data</t>
  </si>
  <si>
    <r>
      <t xml:space="preserve">Personal Data Classification Template for </t>
    </r>
    <r>
      <rPr>
        <sz val="20"/>
        <color rgb="FFC00000"/>
        <rFont val="Calibri"/>
        <family val="2"/>
        <scheme val="minor"/>
      </rPr>
      <t>EXTERNAL USE</t>
    </r>
  </si>
  <si>
    <t>GUIDANCE</t>
  </si>
  <si>
    <t>CONTROL QUESTIONS</t>
  </si>
  <si>
    <t>Select "Few" or "Many"</t>
  </si>
  <si>
    <t>Other</t>
  </si>
  <si>
    <t>[INSERT HERE IF APPLICABLE - use commas to separate added data items. Include a description]</t>
  </si>
  <si>
    <t xml:space="preserve">  *) Processed means any operation performed on personal data throughout the data lifecycle, including final destruction.</t>
  </si>
  <si>
    <t>Main Category</t>
  </si>
  <si>
    <t>Sub-category/Tag</t>
  </si>
  <si>
    <t>Processed (Mark with X)</t>
  </si>
  <si>
    <t>Operations and Maintenance Data - Performance Management</t>
  </si>
  <si>
    <t>PM_counter</t>
  </si>
  <si>
    <t>Application Performance measurements or KPIs</t>
  </si>
  <si>
    <t>Platform/infrastructure Performance measurements or KPIs</t>
  </si>
  <si>
    <t>Data on Network Function processor load and/or memory or storage consumption</t>
  </si>
  <si>
    <t>Compute infrastructure metrics</t>
  </si>
  <si>
    <t>PM_analytics</t>
  </si>
  <si>
    <t>Aggregated Application Performance measurements or KPIs</t>
  </si>
  <si>
    <t>Aggregated Platform/infrastructure Performance measurements or KPIs</t>
  </si>
  <si>
    <t>Traffic volumes/profile over time</t>
  </si>
  <si>
    <t>Analytics data on Network Function performance</t>
  </si>
  <si>
    <t>PM_Traces</t>
  </si>
  <si>
    <t>Signal/transaction traces</t>
  </si>
  <si>
    <t>Traffic/payload traces</t>
  </si>
  <si>
    <t>Operations and Maintenance Data - Configuration Management</t>
  </si>
  <si>
    <t>CM_Ops</t>
  </si>
  <si>
    <t>Network Function configuration data</t>
  </si>
  <si>
    <t>Application configuration data</t>
  </si>
  <si>
    <t>Individual command printouts</t>
  </si>
  <si>
    <t>CM_NW</t>
  </si>
  <si>
    <t>Configuration of local and global Network Function IP addresses</t>
  </si>
  <si>
    <t>Traffic routing configuration</t>
  </si>
  <si>
    <t>Interfaces and protocol configuration</t>
  </si>
  <si>
    <t>Port configuration</t>
  </si>
  <si>
    <t>URL, VLAN, subnetwork configurations</t>
  </si>
  <si>
    <t>Physical location data</t>
  </si>
  <si>
    <t>CM_MO</t>
  </si>
  <si>
    <t>Managed Object configuration data</t>
  </si>
  <si>
    <t>CM_OS</t>
  </si>
  <si>
    <t>Operating System configuration data</t>
  </si>
  <si>
    <t>Operations and Maintenance Data - Fault Management</t>
  </si>
  <si>
    <t>FM_Alarm</t>
  </si>
  <si>
    <t>Active alarms</t>
  </si>
  <si>
    <t>Alarm history</t>
  </si>
  <si>
    <t>Event Monitoring</t>
  </si>
  <si>
    <t>FM_logs</t>
  </si>
  <si>
    <t>Error/Event logs</t>
  </si>
  <si>
    <t>Recovery logs</t>
  </si>
  <si>
    <t>System log (syslog)</t>
  </si>
  <si>
    <t>Operations and Maintenance Data - Security Management</t>
  </si>
  <si>
    <t>SM_audit_logs</t>
  </si>
  <si>
    <t>Security policy implementation</t>
  </si>
  <si>
    <t>Firewall logs</t>
  </si>
  <si>
    <t>Security audit results</t>
  </si>
  <si>
    <t>SM_vuln</t>
  </si>
  <si>
    <t>Malware monitoring</t>
  </si>
  <si>
    <t>Threat detection data</t>
  </si>
  <si>
    <t>Data created by SW agents</t>
  </si>
  <si>
    <t>Vulnerability scan results</t>
  </si>
  <si>
    <t>Vulnerabilities or faults in NW equipment or functionality</t>
  </si>
  <si>
    <t>SM_secrets</t>
  </si>
  <si>
    <t>Passwords and credentials</t>
  </si>
  <si>
    <t>TLS  Certificates expiration dates</t>
  </si>
  <si>
    <t>TLS Certificates private keys</t>
  </si>
  <si>
    <t>SM_seclogs</t>
  </si>
  <si>
    <t>Authorization/Access logs</t>
  </si>
  <si>
    <t>Activity logs</t>
  </si>
  <si>
    <t>Created by product</t>
  </si>
  <si>
    <t>Imported by product (list interfaces)</t>
  </si>
  <si>
    <t>Exported by product (list interfaces)</t>
  </si>
  <si>
    <r>
      <rPr>
        <b/>
        <sz val="11"/>
        <color theme="1"/>
        <rFont val="Ericsson Hilda Regular"/>
      </rPr>
      <t xml:space="preserve">GUIDANCE
</t>
    </r>
    <r>
      <rPr>
        <sz val="11"/>
        <color theme="1"/>
        <rFont val="Ericsson Hilda Regular"/>
      </rPr>
      <t xml:space="preserve">Use this template to create a content declaration for your product. </t>
    </r>
  </si>
  <si>
    <t>3. In column "G", indicate the interfaces where the data type is imported in to the product.</t>
  </si>
  <si>
    <t>4. In column "H", indicate the interfaces where the data type is exported from the product.</t>
  </si>
  <si>
    <t>5. In column "I", indicate where data type in question is stored (e.g. local disk, dedicated or shared cloud solution etc)</t>
  </si>
  <si>
    <t>Storage (e.g. Local, Cloud, DB; empty if not stored)</t>
  </si>
  <si>
    <t>2. In column "F", mark "X"  if the data type is created in the product in question. (This will be the case for e.g. logs, traces, alarms, etc, in the originating product.)</t>
  </si>
  <si>
    <t>1. In column "E", mark  "X" for data items processed</t>
  </si>
  <si>
    <t xml:space="preserve">Other </t>
  </si>
  <si>
    <t>If unsure about any data processing or interpretation, mark "X" and leave a comment. Add missing data items in the dedicated cells (row 51).</t>
  </si>
  <si>
    <r>
      <t xml:space="preserve">Sensitive Data Classification Template for </t>
    </r>
    <r>
      <rPr>
        <sz val="20"/>
        <color rgb="FFC00000"/>
        <rFont val="Calibri"/>
        <family val="2"/>
        <scheme val="minor"/>
      </rPr>
      <t>EXTERNAL USE</t>
    </r>
  </si>
  <si>
    <r>
      <t xml:space="preserve">4. For row 85, select "Few" or "Many". </t>
    </r>
    <r>
      <rPr>
        <u/>
        <sz val="11"/>
        <color theme="1"/>
        <rFont val="Calibri"/>
        <family val="2"/>
        <scheme val="minor"/>
      </rPr>
      <t>Leave blank if unknown</t>
    </r>
    <r>
      <rPr>
        <sz val="11"/>
        <color theme="1"/>
        <rFont val="Calibri"/>
        <family val="2"/>
        <scheme val="minor"/>
      </rPr>
      <t xml:space="preserve">. </t>
    </r>
  </si>
  <si>
    <t>5. Fill in the sheet "Sensitive Data Classification" using the specific guidance provided on that sheet.</t>
  </si>
  <si>
    <t>6. Save your results and send to your Ericsson contact in accordance with their instructions.
*) Processed mean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22" x14ac:knownFonts="1">
    <font>
      <sz val="11"/>
      <color theme="1"/>
      <name val="Calibri"/>
      <family val="2"/>
      <scheme val="minor"/>
    </font>
    <font>
      <sz val="12"/>
      <color theme="1"/>
      <name val="Calibri"/>
      <family val="2"/>
      <scheme val="minor"/>
    </font>
    <font>
      <sz val="11"/>
      <color rgb="FFFF0000"/>
      <name val="Calibri"/>
      <family val="2"/>
      <scheme val="minor"/>
    </font>
    <font>
      <sz val="20"/>
      <color theme="1"/>
      <name val="Calibri"/>
      <family val="2"/>
      <scheme val="minor"/>
    </font>
    <font>
      <sz val="12"/>
      <color theme="1"/>
      <name val="Calibri"/>
      <family val="2"/>
      <scheme val="minor"/>
    </font>
    <font>
      <b/>
      <sz val="16"/>
      <color theme="1"/>
      <name val="Calibri"/>
      <family val="2"/>
      <scheme val="minor"/>
    </font>
    <font>
      <b/>
      <sz val="11"/>
      <color theme="1"/>
      <name val="Calibri"/>
      <family val="2"/>
      <scheme val="minor"/>
    </font>
    <font>
      <sz val="12"/>
      <name val="Calibri"/>
      <family val="2"/>
      <scheme val="minor"/>
    </font>
    <font>
      <sz val="11"/>
      <name val="Calibri"/>
      <family val="2"/>
      <scheme val="minor"/>
    </font>
    <font>
      <b/>
      <sz val="14"/>
      <color theme="1"/>
      <name val="Calibri"/>
      <family val="2"/>
      <scheme val="minor"/>
    </font>
    <font>
      <sz val="11"/>
      <color theme="1"/>
      <name val="Calibri"/>
      <family val="2"/>
      <scheme val="minor"/>
    </font>
    <font>
      <sz val="20"/>
      <color rgb="FFFF0000"/>
      <name val="Calibri"/>
      <family val="2"/>
      <scheme val="minor"/>
    </font>
    <font>
      <sz val="12"/>
      <color rgb="FFFF0000"/>
      <name val="Calibri"/>
      <family val="2"/>
      <scheme val="minor"/>
    </font>
    <font>
      <b/>
      <sz val="16"/>
      <color theme="0"/>
      <name val="Calibri"/>
      <family val="2"/>
      <scheme val="minor"/>
    </font>
    <font>
      <b/>
      <sz val="14"/>
      <color theme="0"/>
      <name val="Calibri"/>
      <family val="2"/>
      <scheme val="minor"/>
    </font>
    <font>
      <sz val="20"/>
      <color rgb="FFC00000"/>
      <name val="Calibri"/>
      <family val="2"/>
      <scheme val="minor"/>
    </font>
    <font>
      <u/>
      <sz val="11"/>
      <color theme="1"/>
      <name val="Calibri"/>
      <family val="2"/>
      <scheme val="minor"/>
    </font>
    <font>
      <b/>
      <sz val="14"/>
      <name val="Calibri"/>
      <family val="2"/>
      <scheme val="minor"/>
    </font>
    <font>
      <sz val="12"/>
      <color rgb="FF000000"/>
      <name val="Calibri"/>
      <family val="2"/>
    </font>
    <font>
      <b/>
      <sz val="11"/>
      <color theme="1"/>
      <name val="Ericsson Hilda Regular"/>
    </font>
    <font>
      <sz val="10"/>
      <color theme="1"/>
      <name val="Ericsson Hilda Regular"/>
    </font>
    <font>
      <sz val="11"/>
      <color theme="1"/>
      <name val="Ericsson Hilda Regular"/>
    </font>
  </fonts>
  <fills count="16">
    <fill>
      <patternFill patternType="none"/>
    </fill>
    <fill>
      <patternFill patternType="gray125"/>
    </fill>
    <fill>
      <patternFill patternType="solid">
        <fgColor theme="0"/>
        <bgColor indexed="64"/>
      </patternFill>
    </fill>
    <fill>
      <patternFill patternType="solid">
        <fgColor rgb="FFFFFFFF"/>
        <bgColor indexed="64"/>
      </patternFill>
    </fill>
    <fill>
      <patternFill patternType="solid">
        <fgColor theme="8" tint="0.39997558519241921"/>
        <bgColor indexed="64"/>
      </patternFill>
    </fill>
    <fill>
      <patternFill patternType="solid">
        <fgColor theme="0" tint="-0.14999847407452621"/>
        <bgColor indexed="64"/>
      </patternFill>
    </fill>
    <fill>
      <patternFill patternType="solid">
        <fgColor theme="8" tint="0.39997558519241921"/>
        <bgColor indexed="65"/>
      </patternFill>
    </fill>
    <fill>
      <patternFill patternType="solid">
        <fgColor theme="8" tint="0.79998168889431442"/>
        <bgColor indexed="64"/>
      </patternFill>
    </fill>
    <fill>
      <patternFill patternType="solid">
        <fgColor theme="8" tint="0.59999389629810485"/>
        <bgColor indexed="64"/>
      </patternFill>
    </fill>
    <fill>
      <patternFill patternType="solid">
        <fgColor theme="1"/>
        <bgColor indexed="64"/>
      </patternFill>
    </fill>
    <fill>
      <patternFill patternType="solid">
        <fgColor theme="2"/>
        <bgColor indexed="64"/>
      </patternFill>
    </fill>
    <fill>
      <patternFill patternType="solid">
        <fgColor theme="0" tint="-0.249977111117893"/>
        <bgColor indexed="64"/>
      </patternFill>
    </fill>
    <fill>
      <patternFill patternType="solid">
        <fgColor theme="4" tint="0.79998168889431442"/>
        <bgColor indexed="64"/>
      </patternFill>
    </fill>
    <fill>
      <patternFill patternType="solid">
        <fgColor theme="4" tint="0.59999389629810485"/>
        <bgColor indexed="64"/>
      </patternFill>
    </fill>
    <fill>
      <patternFill patternType="solid">
        <fgColor theme="0" tint="-4.9989318521683403E-2"/>
        <bgColor indexed="64"/>
      </patternFill>
    </fill>
    <fill>
      <patternFill patternType="solid">
        <fgColor theme="6"/>
        <bgColor indexed="64"/>
      </patternFill>
    </fill>
  </fills>
  <borders count="44">
    <border>
      <left/>
      <right/>
      <top/>
      <bottom/>
      <diagonal/>
    </border>
    <border>
      <left style="medium">
        <color indexed="64"/>
      </left>
      <right style="medium">
        <color indexed="64"/>
      </right>
      <top style="medium">
        <color indexed="64"/>
      </top>
      <bottom/>
      <diagonal/>
    </border>
    <border>
      <left/>
      <right style="medium">
        <color indexed="64"/>
      </right>
      <top style="medium">
        <color indexed="64"/>
      </top>
      <bottom/>
      <diagonal/>
    </border>
    <border>
      <left style="medium">
        <color indexed="64"/>
      </left>
      <right style="medium">
        <color indexed="64"/>
      </right>
      <top/>
      <bottom style="medium">
        <color indexed="64"/>
      </bottom>
      <diagonal/>
    </border>
    <border>
      <left/>
      <right style="medium">
        <color indexed="64"/>
      </right>
      <top/>
      <bottom style="medium">
        <color indexed="64"/>
      </bottom>
      <diagonal/>
    </border>
    <border>
      <left style="medium">
        <color indexed="64"/>
      </left>
      <right style="medium">
        <color indexed="64"/>
      </right>
      <top style="medium">
        <color indexed="64"/>
      </top>
      <bottom style="medium">
        <color indexed="64"/>
      </bottom>
      <diagonal/>
    </border>
    <border>
      <left style="medium">
        <color indexed="64"/>
      </left>
      <right/>
      <top style="medium">
        <color indexed="64"/>
      </top>
      <bottom/>
      <diagonal/>
    </border>
    <border>
      <left/>
      <right/>
      <top style="medium">
        <color indexed="64"/>
      </top>
      <bottom/>
      <diagonal/>
    </border>
    <border>
      <left style="medium">
        <color indexed="64"/>
      </left>
      <right/>
      <top/>
      <bottom/>
      <diagonal/>
    </border>
    <border>
      <left/>
      <right style="medium">
        <color indexed="64"/>
      </right>
      <top style="medium">
        <color indexed="64"/>
      </top>
      <bottom style="medium">
        <color indexed="64"/>
      </bottom>
      <diagonal/>
    </border>
    <border>
      <left style="medium">
        <color indexed="64"/>
      </left>
      <right/>
      <top style="medium">
        <color indexed="64"/>
      </top>
      <bottom style="medium">
        <color indexed="64"/>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diagonal/>
    </border>
    <border>
      <left style="thin">
        <color indexed="64"/>
      </left>
      <right style="thin">
        <color indexed="64"/>
      </right>
      <top/>
      <bottom style="thin">
        <color indexed="64"/>
      </bottom>
      <diagonal/>
    </border>
    <border>
      <left style="medium">
        <color indexed="64"/>
      </left>
      <right/>
      <top/>
      <bottom style="medium">
        <color indexed="64"/>
      </bottom>
      <diagonal/>
    </border>
    <border>
      <left/>
      <right/>
      <top style="medium">
        <color indexed="64"/>
      </top>
      <bottom style="medium">
        <color indexed="64"/>
      </bottom>
      <diagonal/>
    </border>
    <border>
      <left/>
      <right/>
      <top/>
      <bottom style="medium">
        <color indexed="64"/>
      </bottom>
      <diagonal/>
    </border>
    <border>
      <left style="medium">
        <color theme="0"/>
      </left>
      <right style="medium">
        <color indexed="64"/>
      </right>
      <top style="medium">
        <color indexed="64"/>
      </top>
      <bottom style="medium">
        <color indexed="64"/>
      </bottom>
      <diagonal/>
    </border>
    <border>
      <left/>
      <right style="medium">
        <color indexed="64"/>
      </right>
      <top/>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medium">
        <color indexed="64"/>
      </left>
      <right style="thin">
        <color indexed="64"/>
      </right>
      <top style="medium">
        <color indexed="64"/>
      </top>
      <bottom/>
      <diagonal/>
    </border>
    <border>
      <left style="medium">
        <color indexed="64"/>
      </left>
      <right style="thin">
        <color indexed="64"/>
      </right>
      <top/>
      <bottom/>
      <diagonal/>
    </border>
    <border>
      <left style="medium">
        <color indexed="64"/>
      </left>
      <right style="thin">
        <color indexed="64"/>
      </right>
      <top/>
      <bottom style="medium">
        <color indexed="64"/>
      </bottom>
      <diagonal/>
    </border>
    <border>
      <left style="thin">
        <color indexed="64"/>
      </left>
      <right style="thin">
        <color indexed="64"/>
      </right>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thin">
        <color indexed="64"/>
      </right>
      <top style="medium">
        <color indexed="64"/>
      </top>
      <bottom style="thin">
        <color indexed="64"/>
      </bottom>
      <diagonal/>
    </border>
    <border>
      <left style="thin">
        <color indexed="64"/>
      </left>
      <right style="thin">
        <color indexed="64"/>
      </right>
      <top style="medium">
        <color indexed="64"/>
      </top>
      <bottom/>
      <diagonal/>
    </border>
    <border>
      <left style="thin">
        <color indexed="64"/>
      </left>
      <right/>
      <top style="medium">
        <color indexed="64"/>
      </top>
      <bottom style="thin">
        <color indexed="64"/>
      </bottom>
      <diagonal/>
    </border>
    <border>
      <left style="thin">
        <color indexed="64"/>
      </left>
      <right/>
      <top/>
      <bottom style="thin">
        <color indexed="64"/>
      </bottom>
      <diagonal/>
    </border>
    <border>
      <left style="thin">
        <color indexed="64"/>
      </left>
      <right/>
      <top style="thin">
        <color indexed="64"/>
      </top>
      <bottom style="thin">
        <color indexed="64"/>
      </bottom>
      <diagonal/>
    </border>
    <border>
      <left style="thin">
        <color indexed="64"/>
      </left>
      <right/>
      <top style="thin">
        <color indexed="64"/>
      </top>
      <bottom/>
      <diagonal/>
    </border>
    <border>
      <left style="thin">
        <color indexed="64"/>
      </left>
      <right/>
      <top style="thin">
        <color indexed="64"/>
      </top>
      <bottom style="medium">
        <color indexed="64"/>
      </bottom>
      <diagonal/>
    </border>
    <border>
      <left style="thin">
        <color indexed="64"/>
      </left>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style="medium">
        <color indexed="64"/>
      </right>
      <top style="medium">
        <color indexed="64"/>
      </top>
      <bottom style="thin">
        <color indexed="64"/>
      </bottom>
      <diagonal/>
    </border>
    <border>
      <left style="thin">
        <color indexed="64"/>
      </left>
      <right style="medium">
        <color indexed="64"/>
      </right>
      <top style="thin">
        <color indexed="64"/>
      </top>
      <bottom style="thin">
        <color indexed="64"/>
      </bottom>
      <diagonal/>
    </border>
    <border>
      <left style="thin">
        <color indexed="64"/>
      </left>
      <right style="medium">
        <color indexed="64"/>
      </right>
      <top style="thin">
        <color indexed="64"/>
      </top>
      <bottom style="medium">
        <color indexed="64"/>
      </bottom>
      <diagonal/>
    </border>
    <border>
      <left style="thin">
        <color indexed="64"/>
      </left>
      <right style="medium">
        <color indexed="64"/>
      </right>
      <top/>
      <bottom style="thin">
        <color indexed="64"/>
      </bottom>
      <diagonal/>
    </border>
    <border>
      <left style="medium">
        <color theme="0"/>
      </left>
      <right/>
      <top style="medium">
        <color indexed="64"/>
      </top>
      <bottom/>
      <diagonal/>
    </border>
    <border>
      <left/>
      <right style="medium">
        <color theme="0"/>
      </right>
      <top style="medium">
        <color indexed="64"/>
      </top>
      <bottom/>
      <diagonal/>
    </border>
    <border>
      <left style="medium">
        <color theme="0"/>
      </left>
      <right style="medium">
        <color theme="0"/>
      </right>
      <top style="medium">
        <color indexed="64"/>
      </top>
      <bottom/>
      <diagonal/>
    </border>
    <border>
      <left/>
      <right style="thin">
        <color indexed="64"/>
      </right>
      <top/>
      <bottom style="thin">
        <color indexed="64"/>
      </bottom>
      <diagonal/>
    </border>
  </borders>
  <cellStyleXfs count="2">
    <xf numFmtId="0" fontId="0" fillId="0" borderId="0"/>
    <xf numFmtId="0" fontId="10" fillId="6" borderId="0" applyNumberFormat="0" applyBorder="0" applyAlignment="0" applyProtection="0"/>
  </cellStyleXfs>
  <cellXfs count="225">
    <xf numFmtId="0" fontId="0" fillId="0" borderId="0" xfId="0"/>
    <xf numFmtId="0" fontId="4" fillId="3" borderId="0" xfId="0" applyFont="1" applyFill="1" applyAlignment="1">
      <alignment vertical="center" wrapText="1"/>
    </xf>
    <xf numFmtId="0" fontId="8" fillId="0" borderId="0" xfId="0" applyFont="1"/>
    <xf numFmtId="0" fontId="4" fillId="3" borderId="0" xfId="0" applyFont="1" applyFill="1" applyAlignment="1">
      <alignment horizontal="center" vertical="center" wrapText="1"/>
    </xf>
    <xf numFmtId="0" fontId="4" fillId="0" borderId="0" xfId="0" applyFont="1" applyAlignment="1">
      <alignment horizontal="center" vertical="center" wrapText="1"/>
    </xf>
    <xf numFmtId="0" fontId="2" fillId="0" borderId="0" xfId="0" applyFont="1" applyAlignment="1">
      <alignment horizontal="center"/>
    </xf>
    <xf numFmtId="0" fontId="12" fillId="3" borderId="0" xfId="0" applyFont="1" applyFill="1" applyAlignment="1">
      <alignment horizontal="center" vertical="center" wrapText="1"/>
    </xf>
    <xf numFmtId="0" fontId="13" fillId="9" borderId="18" xfId="0" applyFont="1" applyFill="1" applyBorder="1" applyAlignment="1">
      <alignment horizontal="center" vertical="center" wrapText="1"/>
    </xf>
    <xf numFmtId="0" fontId="14" fillId="9" borderId="6" xfId="0" applyFont="1" applyFill="1" applyBorder="1" applyAlignment="1">
      <alignment horizontal="center" vertical="center" wrapText="1"/>
    </xf>
    <xf numFmtId="0" fontId="14" fillId="9" borderId="2" xfId="0" applyFont="1" applyFill="1" applyBorder="1" applyAlignment="1">
      <alignment horizontal="center" vertical="center" wrapText="1"/>
    </xf>
    <xf numFmtId="0" fontId="5" fillId="10" borderId="9" xfId="0" applyFont="1" applyFill="1" applyBorder="1" applyAlignment="1">
      <alignment horizontal="center" vertical="center" wrapText="1"/>
    </xf>
    <xf numFmtId="0" fontId="4" fillId="0" borderId="5" xfId="0" applyFont="1" applyBorder="1" applyAlignment="1">
      <alignment horizontal="left" vertical="center" wrapText="1" indent="1"/>
    </xf>
    <xf numFmtId="0" fontId="0" fillId="0" borderId="0" xfId="0" applyAlignment="1">
      <alignment horizontal="left" vertical="top"/>
    </xf>
    <xf numFmtId="0" fontId="6" fillId="2" borderId="5" xfId="0" applyFont="1" applyFill="1" applyBorder="1" applyAlignment="1">
      <alignment horizontal="left" indent="1"/>
    </xf>
    <xf numFmtId="0" fontId="6" fillId="0" borderId="5" xfId="0" applyFont="1" applyBorder="1" applyAlignment="1">
      <alignment horizontal="left" indent="1"/>
    </xf>
    <xf numFmtId="0" fontId="19" fillId="11" borderId="20" xfId="0" applyFont="1" applyFill="1" applyBorder="1" applyAlignment="1">
      <alignment horizontal="center" vertical="center" wrapText="1"/>
    </xf>
    <xf numFmtId="0" fontId="19" fillId="11" borderId="21" xfId="0" applyFont="1" applyFill="1" applyBorder="1" applyAlignment="1">
      <alignment horizontal="center" vertical="center" wrapText="1"/>
    </xf>
    <xf numFmtId="0" fontId="20" fillId="12" borderId="14" xfId="0" applyFont="1" applyFill="1" applyBorder="1" applyAlignment="1">
      <alignment horizontal="left" vertical="top" wrapText="1"/>
    </xf>
    <xf numFmtId="0" fontId="20" fillId="13" borderId="11" xfId="0" applyFont="1" applyFill="1" applyBorder="1" applyAlignment="1">
      <alignment horizontal="center" vertical="center" wrapText="1"/>
    </xf>
    <xf numFmtId="0" fontId="20" fillId="12" borderId="11" xfId="0" applyFont="1" applyFill="1" applyBorder="1" applyAlignment="1">
      <alignment horizontal="left" vertical="top" wrapText="1"/>
    </xf>
    <xf numFmtId="0" fontId="20" fillId="12" borderId="12" xfId="0" applyFont="1" applyFill="1" applyBorder="1" applyAlignment="1">
      <alignment horizontal="left" vertical="top" wrapText="1"/>
    </xf>
    <xf numFmtId="0" fontId="20" fillId="12" borderId="26" xfId="0" applyFont="1" applyFill="1" applyBorder="1" applyAlignment="1">
      <alignment horizontal="left" vertical="top" wrapText="1"/>
    </xf>
    <xf numFmtId="0" fontId="20" fillId="12" borderId="27" xfId="0" applyFont="1" applyFill="1" applyBorder="1" applyAlignment="1">
      <alignment horizontal="left" vertical="top" wrapText="1"/>
    </xf>
    <xf numFmtId="0" fontId="20" fillId="5" borderId="29" xfId="0" applyFont="1" applyFill="1" applyBorder="1" applyAlignment="1">
      <alignment horizontal="center" vertical="center" wrapText="1"/>
    </xf>
    <xf numFmtId="0" fontId="20" fillId="5" borderId="30" xfId="0" applyFont="1" applyFill="1" applyBorder="1" applyAlignment="1">
      <alignment horizontal="center" vertical="center" wrapText="1"/>
    </xf>
    <xf numFmtId="0" fontId="20" fillId="5" borderId="31" xfId="0" applyFont="1" applyFill="1" applyBorder="1" applyAlignment="1">
      <alignment horizontal="center" vertical="center" wrapText="1"/>
    </xf>
    <xf numFmtId="0" fontId="20" fillId="5" borderId="32" xfId="0" applyFont="1" applyFill="1" applyBorder="1" applyAlignment="1">
      <alignment horizontal="center" vertical="center" wrapText="1"/>
    </xf>
    <xf numFmtId="0" fontId="20" fillId="5" borderId="31" xfId="0" applyFont="1" applyFill="1" applyBorder="1" applyAlignment="1">
      <alignment horizontal="left" vertical="top" wrapText="1"/>
    </xf>
    <xf numFmtId="0" fontId="20" fillId="5" borderId="33" xfId="0" applyFont="1" applyFill="1" applyBorder="1" applyAlignment="1">
      <alignment horizontal="left" vertical="top" wrapText="1"/>
    </xf>
    <xf numFmtId="0" fontId="19" fillId="11" borderId="34" xfId="0" applyFont="1" applyFill="1" applyBorder="1" applyAlignment="1">
      <alignment horizontal="center" vertical="center" wrapText="1"/>
    </xf>
    <xf numFmtId="0" fontId="19" fillId="10" borderId="5" xfId="0" applyFont="1" applyFill="1" applyBorder="1" applyAlignment="1">
      <alignment horizontal="center" vertical="center" wrapText="1"/>
    </xf>
    <xf numFmtId="0" fontId="20" fillId="5" borderId="33" xfId="0" applyFont="1" applyFill="1" applyBorder="1" applyAlignment="1">
      <alignment horizontal="center" vertical="center" wrapText="1"/>
    </xf>
    <xf numFmtId="0" fontId="20" fillId="14" borderId="30" xfId="0" applyFont="1" applyFill="1" applyBorder="1" applyAlignment="1">
      <alignment horizontal="center" vertical="center" wrapText="1"/>
    </xf>
    <xf numFmtId="0" fontId="20" fillId="14" borderId="31" xfId="0" applyFont="1" applyFill="1" applyBorder="1" applyAlignment="1">
      <alignment horizontal="center" vertical="center" wrapText="1"/>
    </xf>
    <xf numFmtId="0" fontId="20" fillId="14" borderId="32" xfId="0" applyFont="1" applyFill="1" applyBorder="1" applyAlignment="1">
      <alignment horizontal="center" vertical="center" wrapText="1"/>
    </xf>
    <xf numFmtId="0" fontId="20" fillId="14" borderId="31" xfId="0" applyFont="1" applyFill="1" applyBorder="1" applyAlignment="1">
      <alignment horizontal="left" vertical="top" wrapText="1"/>
    </xf>
    <xf numFmtId="0" fontId="20" fillId="14" borderId="33" xfId="0" applyFont="1" applyFill="1" applyBorder="1" applyAlignment="1">
      <alignment horizontal="left" vertical="top" wrapText="1"/>
    </xf>
    <xf numFmtId="0" fontId="20" fillId="14" borderId="33" xfId="0" applyFont="1" applyFill="1" applyBorder="1" applyAlignment="1">
      <alignment horizontal="center" vertical="center" wrapText="1"/>
    </xf>
    <xf numFmtId="0" fontId="19" fillId="15" borderId="5" xfId="0" applyFont="1" applyFill="1" applyBorder="1" applyAlignment="1">
      <alignment horizontal="center" vertical="center" wrapText="1"/>
    </xf>
    <xf numFmtId="0" fontId="19" fillId="15" borderId="9" xfId="0" applyFont="1" applyFill="1" applyBorder="1" applyAlignment="1">
      <alignment horizontal="center" vertical="center" wrapText="1"/>
    </xf>
    <xf numFmtId="0" fontId="20" fillId="14" borderId="26" xfId="0" applyFont="1" applyFill="1" applyBorder="1" applyAlignment="1">
      <alignment horizontal="center" vertical="center" wrapText="1"/>
    </xf>
    <xf numFmtId="0" fontId="20" fillId="13" borderId="21" xfId="0" applyFont="1" applyFill="1" applyBorder="1" applyAlignment="1">
      <alignment horizontal="center" vertical="center" wrapText="1"/>
    </xf>
    <xf numFmtId="0" fontId="20" fillId="12" borderId="21" xfId="0" applyFont="1" applyFill="1" applyBorder="1" applyAlignment="1">
      <alignment horizontal="left" vertical="top" wrapText="1"/>
    </xf>
    <xf numFmtId="0" fontId="20" fillId="12" borderId="20" xfId="0" applyFont="1" applyFill="1" applyBorder="1" applyAlignment="1">
      <alignment horizontal="center" vertical="center" wrapText="1"/>
    </xf>
    <xf numFmtId="0" fontId="20" fillId="5" borderId="34" xfId="0" applyFont="1" applyFill="1" applyBorder="1" applyAlignment="1">
      <alignment horizontal="center" vertical="center" wrapText="1"/>
    </xf>
    <xf numFmtId="0" fontId="20" fillId="14" borderId="34" xfId="0" applyFont="1" applyFill="1" applyBorder="1" applyAlignment="1">
      <alignment horizontal="center" vertical="center" wrapText="1"/>
    </xf>
    <xf numFmtId="0" fontId="20" fillId="14" borderId="35" xfId="0" applyFont="1" applyFill="1" applyBorder="1" applyAlignment="1">
      <alignment horizontal="center" vertical="center" wrapText="1"/>
    </xf>
    <xf numFmtId="0" fontId="20" fillId="14" borderId="29" xfId="0" applyFont="1" applyFill="1" applyBorder="1" applyAlignment="1">
      <alignment horizontal="center" vertical="center" wrapText="1"/>
    </xf>
    <xf numFmtId="0" fontId="0" fillId="0" borderId="36" xfId="0" applyBorder="1"/>
    <xf numFmtId="0" fontId="0" fillId="0" borderId="37" xfId="0" applyBorder="1"/>
    <xf numFmtId="0" fontId="0" fillId="0" borderId="38" xfId="0" applyBorder="1"/>
    <xf numFmtId="0" fontId="0" fillId="0" borderId="39" xfId="0" applyBorder="1"/>
    <xf numFmtId="0" fontId="19" fillId="15" borderId="1" xfId="0" applyFont="1" applyFill="1" applyBorder="1" applyAlignment="1">
      <alignment horizontal="center" vertical="center" wrapText="1"/>
    </xf>
    <xf numFmtId="0" fontId="19" fillId="15" borderId="2" xfId="0" applyFont="1" applyFill="1" applyBorder="1" applyAlignment="1">
      <alignment horizontal="center" vertical="center" wrapText="1"/>
    </xf>
    <xf numFmtId="0" fontId="9" fillId="10" borderId="1" xfId="0" applyFont="1" applyFill="1" applyBorder="1" applyAlignment="1">
      <alignment horizontal="center" vertical="center" wrapText="1"/>
    </xf>
    <xf numFmtId="0" fontId="4" fillId="0" borderId="11" xfId="0" applyFont="1" applyBorder="1" applyAlignment="1">
      <alignment horizontal="left" vertical="top" wrapText="1" indent="1"/>
    </xf>
    <xf numFmtId="0" fontId="20" fillId="14" borderId="11" xfId="0" applyFont="1" applyFill="1" applyBorder="1" applyAlignment="1">
      <alignment horizontal="center" vertical="center" wrapText="1"/>
    </xf>
    <xf numFmtId="0" fontId="20" fillId="14" borderId="11" xfId="0" applyFont="1" applyFill="1" applyBorder="1" applyAlignment="1">
      <alignment horizontal="left" vertical="top" wrapText="1"/>
    </xf>
    <xf numFmtId="0" fontId="4" fillId="8" borderId="11" xfId="0" applyFont="1" applyFill="1" applyBorder="1" applyAlignment="1">
      <alignment horizontal="left" vertical="top" wrapText="1" indent="1"/>
    </xf>
    <xf numFmtId="0" fontId="4" fillId="2" borderId="11" xfId="0" applyFont="1" applyFill="1" applyBorder="1" applyAlignment="1">
      <alignment horizontal="left" vertical="top" wrapText="1" indent="1"/>
    </xf>
    <xf numFmtId="0" fontId="0" fillId="0" borderId="11" xfId="0" applyBorder="1"/>
    <xf numFmtId="0" fontId="14" fillId="9" borderId="42" xfId="0" applyFont="1" applyFill="1" applyBorder="1" applyAlignment="1">
      <alignment horizontal="center" vertical="center" wrapText="1"/>
    </xf>
    <xf numFmtId="0" fontId="4" fillId="0" borderId="11" xfId="0" applyFont="1" applyBorder="1" applyAlignment="1">
      <alignment horizontal="left" vertical="center" wrapText="1" indent="1"/>
    </xf>
    <xf numFmtId="0" fontId="4" fillId="0" borderId="11" xfId="0" applyFont="1" applyBorder="1" applyAlignment="1">
      <alignment horizontal="left" vertical="top" indent="1"/>
    </xf>
    <xf numFmtId="0" fontId="4" fillId="8" borderId="10" xfId="0" applyFont="1" applyFill="1" applyBorder="1" applyAlignment="1">
      <alignment horizontal="center" vertical="center" wrapText="1"/>
    </xf>
    <xf numFmtId="0" fontId="4" fillId="2" borderId="10" xfId="0" applyFont="1" applyFill="1" applyBorder="1" applyAlignment="1">
      <alignment horizontal="center" vertical="center" wrapText="1"/>
    </xf>
    <xf numFmtId="0" fontId="17" fillId="4" borderId="1" xfId="0" applyFont="1" applyFill="1" applyBorder="1" applyAlignment="1">
      <alignment horizontal="center" vertical="center" wrapText="1"/>
    </xf>
    <xf numFmtId="0" fontId="4" fillId="2" borderId="11" xfId="0" applyFont="1" applyFill="1" applyBorder="1" applyAlignment="1">
      <alignment horizontal="left" vertical="center" wrapText="1" indent="1"/>
    </xf>
    <xf numFmtId="0" fontId="4" fillId="9" borderId="3" xfId="0" applyFont="1" applyFill="1" applyBorder="1" applyAlignment="1">
      <alignment horizontal="left" vertical="center" wrapText="1" indent="1"/>
    </xf>
    <xf numFmtId="0" fontId="7" fillId="9" borderId="15" xfId="0" applyFont="1" applyFill="1" applyBorder="1" applyAlignment="1">
      <alignment horizontal="left" vertical="center" wrapText="1" indent="1"/>
    </xf>
    <xf numFmtId="0" fontId="7" fillId="9" borderId="4" xfId="0" applyFont="1" applyFill="1" applyBorder="1" applyAlignment="1">
      <alignment horizontal="left" vertical="center" wrapText="1" indent="1"/>
    </xf>
    <xf numFmtId="0" fontId="13" fillId="9" borderId="3" xfId="0" applyFont="1" applyFill="1" applyBorder="1" applyAlignment="1">
      <alignment horizontal="left" indent="1"/>
    </xf>
    <xf numFmtId="0" fontId="5" fillId="10" borderId="4" xfId="0" applyFont="1" applyFill="1" applyBorder="1" applyAlignment="1">
      <alignment horizontal="center" vertical="center" wrapText="1"/>
    </xf>
    <xf numFmtId="0" fontId="7" fillId="3" borderId="11" xfId="0" applyFont="1" applyFill="1" applyBorder="1" applyAlignment="1">
      <alignment horizontal="left" vertical="center" wrapText="1" indent="1"/>
    </xf>
    <xf numFmtId="0" fontId="10" fillId="0" borderId="11" xfId="1" applyFill="1" applyBorder="1" applyAlignment="1">
      <alignment horizontal="left" vertical="center" wrapText="1" indent="1"/>
    </xf>
    <xf numFmtId="0" fontId="10" fillId="8" borderId="11" xfId="1" applyFill="1" applyBorder="1" applyAlignment="1">
      <alignment horizontal="left" vertical="center" wrapText="1" indent="1"/>
    </xf>
    <xf numFmtId="0" fontId="0" fillId="2" borderId="0" xfId="0" applyFill="1"/>
    <xf numFmtId="0" fontId="4" fillId="0" borderId="14" xfId="0" applyFont="1" applyBorder="1" applyAlignment="1">
      <alignment horizontal="left" vertical="center" wrapText="1" indent="1"/>
    </xf>
    <xf numFmtId="0" fontId="6" fillId="2" borderId="30" xfId="0" applyFont="1" applyFill="1" applyBorder="1" applyAlignment="1">
      <alignment horizontal="left" indent="1"/>
    </xf>
    <xf numFmtId="0" fontId="0" fillId="0" borderId="43" xfId="0" applyBorder="1" applyAlignment="1">
      <alignment horizontal="left" indent="1"/>
    </xf>
    <xf numFmtId="0" fontId="0" fillId="2" borderId="17" xfId="0" applyFill="1" applyBorder="1"/>
    <xf numFmtId="0" fontId="10" fillId="8" borderId="26" xfId="1" applyFill="1" applyBorder="1" applyAlignment="1">
      <alignment horizontal="left" vertical="center" wrapText="1" indent="1"/>
    </xf>
    <xf numFmtId="0" fontId="10" fillId="0" borderId="27" xfId="1" applyFill="1" applyBorder="1" applyAlignment="1">
      <alignment horizontal="left" vertical="center" wrapText="1" indent="1"/>
    </xf>
    <xf numFmtId="0" fontId="0" fillId="2" borderId="7" xfId="0" applyFill="1" applyBorder="1"/>
    <xf numFmtId="0" fontId="10" fillId="0" borderId="36" xfId="1" applyFill="1" applyBorder="1" applyAlignment="1">
      <alignment horizontal="left" vertical="center" wrapText="1" indent="1"/>
    </xf>
    <xf numFmtId="0" fontId="10" fillId="0" borderId="37" xfId="1" applyFill="1" applyBorder="1" applyAlignment="1">
      <alignment horizontal="left" vertical="center" wrapText="1" indent="1"/>
    </xf>
    <xf numFmtId="0" fontId="10" fillId="2" borderId="37" xfId="1" applyFill="1" applyBorder="1" applyAlignment="1">
      <alignment horizontal="left" vertical="center" wrapText="1" indent="1"/>
    </xf>
    <xf numFmtId="0" fontId="10" fillId="2" borderId="38" xfId="1" applyFill="1" applyBorder="1" applyAlignment="1">
      <alignment horizontal="left" vertical="center" wrapText="1" indent="1"/>
    </xf>
    <xf numFmtId="0" fontId="0" fillId="9" borderId="16" xfId="0" applyFill="1" applyBorder="1"/>
    <xf numFmtId="0" fontId="0" fillId="2" borderId="16" xfId="0" applyFill="1" applyBorder="1"/>
    <xf numFmtId="0" fontId="4" fillId="2" borderId="27" xfId="0" applyFont="1" applyFill="1" applyBorder="1" applyAlignment="1">
      <alignment horizontal="left" vertical="center" wrapText="1" indent="1"/>
    </xf>
    <xf numFmtId="0" fontId="4" fillId="0" borderId="27" xfId="0" applyFont="1" applyBorder="1" applyAlignment="1">
      <alignment horizontal="left" vertical="center" wrapText="1" indent="1"/>
    </xf>
    <xf numFmtId="0" fontId="0" fillId="0" borderId="27" xfId="0" applyBorder="1"/>
    <xf numFmtId="0" fontId="0" fillId="0" borderId="36" xfId="0" applyBorder="1" applyAlignment="1">
      <alignment horizontal="left" indent="1"/>
    </xf>
    <xf numFmtId="0" fontId="0" fillId="0" borderId="37" xfId="0" applyBorder="1" applyAlignment="1">
      <alignment horizontal="left" indent="1"/>
    </xf>
    <xf numFmtId="0" fontId="4" fillId="2" borderId="26" xfId="0" applyFont="1" applyFill="1" applyBorder="1" applyAlignment="1">
      <alignment horizontal="left" vertical="center" wrapText="1" indent="1"/>
    </xf>
    <xf numFmtId="0" fontId="0" fillId="0" borderId="26" xfId="0" applyBorder="1"/>
    <xf numFmtId="0" fontId="0" fillId="0" borderId="38" xfId="0" applyBorder="1" applyAlignment="1">
      <alignment horizontal="left" indent="1"/>
    </xf>
    <xf numFmtId="0" fontId="4" fillId="3" borderId="10" xfId="0" applyFont="1" applyFill="1" applyBorder="1" applyAlignment="1">
      <alignment horizontal="center" vertical="center" wrapText="1"/>
    </xf>
    <xf numFmtId="0" fontId="1" fillId="3" borderId="21" xfId="0" applyFont="1" applyFill="1" applyBorder="1" applyAlignment="1">
      <alignment horizontal="left" vertical="top" wrapText="1" indent="1"/>
    </xf>
    <xf numFmtId="0" fontId="4" fillId="0" borderId="21" xfId="0" applyFont="1" applyBorder="1" applyAlignment="1">
      <alignment horizontal="left" vertical="top" wrapText="1" indent="1"/>
    </xf>
    <xf numFmtId="0" fontId="0" fillId="0" borderId="35" xfId="0" applyBorder="1" applyAlignment="1">
      <alignment horizontal="left" vertical="top" indent="1"/>
    </xf>
    <xf numFmtId="0" fontId="4" fillId="8" borderId="27" xfId="0" applyFont="1" applyFill="1" applyBorder="1" applyAlignment="1">
      <alignment horizontal="left" vertical="top" wrapText="1" indent="1"/>
    </xf>
    <xf numFmtId="0" fontId="4" fillId="2" borderId="36" xfId="0" applyFont="1" applyFill="1" applyBorder="1" applyAlignment="1">
      <alignment horizontal="left" vertical="top" wrapText="1" indent="1"/>
    </xf>
    <xf numFmtId="0" fontId="4" fillId="2" borderId="37" xfId="0" applyFont="1" applyFill="1" applyBorder="1" applyAlignment="1">
      <alignment horizontal="left" vertical="top" wrapText="1" indent="1"/>
    </xf>
    <xf numFmtId="0" fontId="4" fillId="8" borderId="26" xfId="0" applyFont="1" applyFill="1" applyBorder="1" applyAlignment="1">
      <alignment horizontal="left" vertical="top" wrapText="1" indent="1"/>
    </xf>
    <xf numFmtId="0" fontId="4" fillId="2" borderId="38" xfId="0" applyFont="1" applyFill="1" applyBorder="1" applyAlignment="1">
      <alignment horizontal="left" vertical="top" wrapText="1" indent="1"/>
    </xf>
    <xf numFmtId="0" fontId="7" fillId="2" borderId="21" xfId="0" applyFont="1" applyFill="1" applyBorder="1" applyAlignment="1">
      <alignment horizontal="left" vertical="top" wrapText="1" indent="1"/>
    </xf>
    <xf numFmtId="0" fontId="4" fillId="0" borderId="27" xfId="0" applyFont="1" applyBorder="1" applyAlignment="1">
      <alignment horizontal="left" vertical="top" wrapText="1" indent="1"/>
    </xf>
    <xf numFmtId="0" fontId="20" fillId="14" borderId="27" xfId="0" applyFont="1" applyFill="1" applyBorder="1" applyAlignment="1">
      <alignment horizontal="center" vertical="center" wrapText="1"/>
    </xf>
    <xf numFmtId="0" fontId="7" fillId="0" borderId="36" xfId="0" applyFont="1" applyBorder="1" applyAlignment="1">
      <alignment horizontal="left" vertical="top" wrapText="1" indent="1"/>
    </xf>
    <xf numFmtId="0" fontId="7" fillId="0" borderId="37" xfId="0" applyFont="1" applyBorder="1" applyAlignment="1">
      <alignment horizontal="left" vertical="top" wrapText="1" indent="1"/>
    </xf>
    <xf numFmtId="0" fontId="4" fillId="0" borderId="26" xfId="0" applyFont="1" applyBorder="1" applyAlignment="1">
      <alignment horizontal="left" vertical="top" wrapText="1" indent="1"/>
    </xf>
    <xf numFmtId="0" fontId="7" fillId="0" borderId="38" xfId="0" applyFont="1" applyBorder="1" applyAlignment="1">
      <alignment horizontal="left" vertical="top" wrapText="1" indent="1"/>
    </xf>
    <xf numFmtId="0" fontId="4" fillId="8" borderId="21" xfId="0" applyFont="1" applyFill="1" applyBorder="1" applyAlignment="1">
      <alignment horizontal="left" vertical="top" wrapText="1" indent="1"/>
    </xf>
    <xf numFmtId="0" fontId="0" fillId="0" borderId="36" xfId="0" applyBorder="1" applyAlignment="1">
      <alignment horizontal="left" vertical="top" indent="1"/>
    </xf>
    <xf numFmtId="0" fontId="0" fillId="0" borderId="37" xfId="0" applyBorder="1" applyAlignment="1">
      <alignment horizontal="left" vertical="top" indent="1"/>
    </xf>
    <xf numFmtId="0" fontId="0" fillId="0" borderId="38" xfId="0" applyBorder="1" applyAlignment="1">
      <alignment horizontal="left" vertical="top" indent="1"/>
    </xf>
    <xf numFmtId="0" fontId="4" fillId="2" borderId="27" xfId="0" applyFont="1" applyFill="1" applyBorder="1" applyAlignment="1">
      <alignment horizontal="left" vertical="top" wrapText="1" indent="1"/>
    </xf>
    <xf numFmtId="0" fontId="4" fillId="2" borderId="26" xfId="0" applyFont="1" applyFill="1" applyBorder="1" applyAlignment="1">
      <alignment horizontal="left" vertical="top" wrapText="1" indent="1"/>
    </xf>
    <xf numFmtId="0" fontId="0" fillId="14" borderId="11" xfId="0" applyFill="1" applyBorder="1"/>
    <xf numFmtId="0" fontId="0" fillId="14" borderId="26" xfId="0" applyFill="1" applyBorder="1"/>
    <xf numFmtId="0" fontId="0" fillId="14" borderId="21" xfId="0" applyFill="1" applyBorder="1"/>
    <xf numFmtId="0" fontId="20" fillId="5" borderId="21" xfId="0" applyFont="1" applyFill="1" applyBorder="1" applyAlignment="1">
      <alignment horizontal="center" vertical="center" wrapText="1"/>
    </xf>
    <xf numFmtId="0" fontId="4" fillId="5" borderId="35" xfId="0" applyFont="1" applyFill="1" applyBorder="1" applyAlignment="1">
      <alignment horizontal="left" vertical="top" wrapText="1" indent="1"/>
    </xf>
    <xf numFmtId="0" fontId="0" fillId="5" borderId="27" xfId="0" applyFill="1" applyBorder="1"/>
    <xf numFmtId="0" fontId="4" fillId="5" borderId="36" xfId="0" applyFont="1" applyFill="1" applyBorder="1" applyAlignment="1">
      <alignment horizontal="left" vertical="top" wrapText="1" indent="1"/>
    </xf>
    <xf numFmtId="0" fontId="0" fillId="5" borderId="11" xfId="0" applyFill="1" applyBorder="1"/>
    <xf numFmtId="0" fontId="4" fillId="5" borderId="37" xfId="0" applyFont="1" applyFill="1" applyBorder="1" applyAlignment="1">
      <alignment horizontal="left" vertical="top" wrapText="1" indent="1"/>
    </xf>
    <xf numFmtId="0" fontId="0" fillId="5" borderId="26" xfId="0" applyFill="1" applyBorder="1"/>
    <xf numFmtId="0" fontId="4" fillId="5" borderId="38" xfId="0" applyFont="1" applyFill="1" applyBorder="1" applyAlignment="1">
      <alignment horizontal="left" vertical="top" wrapText="1" indent="1"/>
    </xf>
    <xf numFmtId="0" fontId="4" fillId="2" borderId="0" xfId="0" applyFont="1" applyFill="1" applyAlignment="1">
      <alignment vertical="center" wrapText="1"/>
    </xf>
    <xf numFmtId="0" fontId="12" fillId="2" borderId="0" xfId="0" applyFont="1" applyFill="1" applyAlignment="1">
      <alignment horizontal="center" vertical="center" wrapText="1"/>
    </xf>
    <xf numFmtId="0" fontId="4" fillId="2" borderId="17" xfId="0" applyFont="1" applyFill="1" applyBorder="1" applyAlignment="1">
      <alignment horizontal="center" vertical="center" wrapText="1"/>
    </xf>
    <xf numFmtId="0" fontId="0" fillId="7" borderId="8" xfId="0" applyFill="1" applyBorder="1" applyAlignment="1">
      <alignment horizontal="left" indent="1"/>
    </xf>
    <xf numFmtId="0" fontId="2" fillId="7" borderId="0" xfId="0" applyFont="1" applyFill="1" applyAlignment="1">
      <alignment horizontal="left" indent="1"/>
    </xf>
    <xf numFmtId="0" fontId="0" fillId="7" borderId="0" xfId="0" applyFill="1" applyAlignment="1">
      <alignment horizontal="left" indent="1"/>
    </xf>
    <xf numFmtId="0" fontId="0" fillId="7" borderId="19" xfId="0" applyFill="1" applyBorder="1" applyAlignment="1">
      <alignment horizontal="left" indent="1"/>
    </xf>
    <xf numFmtId="0" fontId="2" fillId="2" borderId="0" xfId="0" applyFont="1" applyFill="1" applyAlignment="1">
      <alignment horizontal="left"/>
    </xf>
    <xf numFmtId="0" fontId="2" fillId="2" borderId="0" xfId="0" applyFont="1" applyFill="1" applyAlignment="1">
      <alignment horizontal="center"/>
    </xf>
    <xf numFmtId="0" fontId="8" fillId="2" borderId="0" xfId="0" applyFont="1" applyFill="1"/>
    <xf numFmtId="0" fontId="3" fillId="2" borderId="0" xfId="0" applyFont="1" applyFill="1"/>
    <xf numFmtId="0" fontId="11" fillId="2" borderId="0" xfId="0" applyFont="1" applyFill="1" applyAlignment="1">
      <alignment horizontal="center"/>
    </xf>
    <xf numFmtId="0" fontId="0" fillId="2" borderId="0" xfId="0" applyFill="1" applyAlignment="1">
      <alignment horizontal="left"/>
    </xf>
    <xf numFmtId="0" fontId="19" fillId="2" borderId="0" xfId="0" applyFont="1" applyFill="1" applyAlignment="1">
      <alignment horizontal="left" vertical="top" wrapText="1"/>
    </xf>
    <xf numFmtId="0" fontId="0" fillId="2" borderId="0" xfId="0" applyFill="1" applyAlignment="1">
      <alignment horizontal="left" vertical="top"/>
    </xf>
    <xf numFmtId="0" fontId="2" fillId="2" borderId="0" xfId="0" applyFont="1" applyFill="1"/>
    <xf numFmtId="0" fontId="4" fillId="2" borderId="0" xfId="0" applyFont="1" applyFill="1" applyAlignment="1">
      <alignment horizontal="center" vertical="center" wrapText="1"/>
    </xf>
    <xf numFmtId="0" fontId="14" fillId="9" borderId="40" xfId="0" applyFont="1" applyFill="1" applyBorder="1" applyAlignment="1">
      <alignment horizontal="center" vertical="center" wrapText="1"/>
    </xf>
    <xf numFmtId="0" fontId="14" fillId="9" borderId="41" xfId="0" applyFont="1" applyFill="1" applyBorder="1" applyAlignment="1">
      <alignment horizontal="center" vertical="center" wrapText="1"/>
    </xf>
    <xf numFmtId="0" fontId="4" fillId="0" borderId="10" xfId="0" applyFont="1" applyBorder="1" applyAlignment="1">
      <alignment horizontal="center" vertical="center" wrapText="1"/>
    </xf>
    <xf numFmtId="0" fontId="4" fillId="0" borderId="27" xfId="0" applyFont="1" applyBorder="1" applyAlignment="1">
      <alignment horizontal="left" vertical="center" wrapText="1" indent="1"/>
    </xf>
    <xf numFmtId="0" fontId="4" fillId="0" borderId="11" xfId="0" applyFont="1" applyBorder="1" applyAlignment="1">
      <alignment horizontal="left" vertical="center" wrapText="1" indent="1"/>
    </xf>
    <xf numFmtId="0" fontId="4" fillId="0" borderId="26" xfId="0" applyFont="1" applyBorder="1" applyAlignment="1">
      <alignment horizontal="left" vertical="center" wrapText="1" indent="1"/>
    </xf>
    <xf numFmtId="0" fontId="4" fillId="2" borderId="10" xfId="0" applyFont="1" applyFill="1" applyBorder="1" applyAlignment="1">
      <alignment horizontal="center" vertical="center" wrapText="1"/>
    </xf>
    <xf numFmtId="0" fontId="4" fillId="2" borderId="27" xfId="0" applyFont="1" applyFill="1" applyBorder="1" applyAlignment="1">
      <alignment horizontal="left" vertical="center" wrapText="1" indent="1"/>
    </xf>
    <xf numFmtId="0" fontId="4" fillId="2" borderId="11" xfId="0" applyFont="1" applyFill="1" applyBorder="1" applyAlignment="1">
      <alignment horizontal="left" vertical="center" wrapText="1" indent="1"/>
    </xf>
    <xf numFmtId="0" fontId="4" fillId="2" borderId="11" xfId="0" applyFont="1" applyFill="1" applyBorder="1" applyAlignment="1">
      <alignment horizontal="left" vertical="top" wrapText="1" indent="1"/>
    </xf>
    <xf numFmtId="0" fontId="4" fillId="2" borderId="26" xfId="0" applyFont="1" applyFill="1" applyBorder="1" applyAlignment="1">
      <alignment horizontal="left" vertical="center" wrapText="1" indent="1"/>
    </xf>
    <xf numFmtId="0" fontId="4" fillId="8" borderId="21" xfId="0" applyFont="1" applyFill="1" applyBorder="1" applyAlignment="1">
      <alignment horizontal="left" vertical="top" wrapText="1" indent="1"/>
    </xf>
    <xf numFmtId="0" fontId="7" fillId="3" borderId="14" xfId="0" applyFont="1" applyFill="1" applyBorder="1" applyAlignment="1">
      <alignment horizontal="left" vertical="center" wrapText="1" indent="1"/>
    </xf>
    <xf numFmtId="0" fontId="4" fillId="0" borderId="10" xfId="0" applyFont="1" applyBorder="1" applyAlignment="1">
      <alignment horizontal="left" vertical="top" wrapText="1" indent="1"/>
    </xf>
    <xf numFmtId="0" fontId="4" fillId="0" borderId="9" xfId="0" applyFont="1" applyBorder="1" applyAlignment="1">
      <alignment horizontal="left" vertical="top" wrapText="1" indent="1"/>
    </xf>
    <xf numFmtId="0" fontId="4" fillId="0" borderId="8" xfId="0" applyFont="1" applyBorder="1" applyAlignment="1">
      <alignment horizontal="center" vertical="center" wrapText="1"/>
    </xf>
    <xf numFmtId="0" fontId="4" fillId="0" borderId="15" xfId="0" applyFont="1" applyBorder="1" applyAlignment="1">
      <alignment horizontal="center" vertical="center" wrapText="1"/>
    </xf>
    <xf numFmtId="20" fontId="0" fillId="7" borderId="8" xfId="0" applyNumberFormat="1" applyFill="1" applyBorder="1" applyAlignment="1">
      <alignment horizontal="left" vertical="top" wrapText="1" indent="1"/>
    </xf>
    <xf numFmtId="20" fontId="0" fillId="7" borderId="0" xfId="0" applyNumberFormat="1" applyFill="1" applyAlignment="1">
      <alignment horizontal="left" vertical="top" wrapText="1" indent="1"/>
    </xf>
    <xf numFmtId="20" fontId="0" fillId="7" borderId="19" xfId="0" applyNumberFormat="1" applyFill="1" applyBorder="1" applyAlignment="1">
      <alignment horizontal="left" vertical="top" wrapText="1" indent="1"/>
    </xf>
    <xf numFmtId="20" fontId="0" fillId="7" borderId="8" xfId="0" applyNumberFormat="1" applyFill="1" applyBorder="1" applyAlignment="1">
      <alignment horizontal="left" indent="1"/>
    </xf>
    <xf numFmtId="20" fontId="0" fillId="7" borderId="0" xfId="0" applyNumberFormat="1" applyFill="1" applyAlignment="1">
      <alignment horizontal="left" indent="1"/>
    </xf>
    <xf numFmtId="20" fontId="0" fillId="7" borderId="19" xfId="0" applyNumberFormat="1" applyFill="1" applyBorder="1" applyAlignment="1">
      <alignment horizontal="left" indent="1"/>
    </xf>
    <xf numFmtId="0" fontId="0" fillId="7" borderId="8" xfId="0" applyFill="1" applyBorder="1" applyAlignment="1">
      <alignment horizontal="left" wrapText="1" indent="1"/>
    </xf>
    <xf numFmtId="0" fontId="0" fillId="7" borderId="0" xfId="0" applyFill="1" applyAlignment="1">
      <alignment horizontal="left" indent="1"/>
    </xf>
    <xf numFmtId="0" fontId="0" fillId="7" borderId="19" xfId="0" applyFill="1" applyBorder="1" applyAlignment="1">
      <alignment horizontal="left" indent="1"/>
    </xf>
    <xf numFmtId="0" fontId="13" fillId="9" borderId="10" xfId="0" applyFont="1" applyFill="1" applyBorder="1" applyAlignment="1">
      <alignment horizontal="left" vertical="center" wrapText="1" indent="1"/>
    </xf>
    <xf numFmtId="0" fontId="13" fillId="9" borderId="16" xfId="0" applyFont="1" applyFill="1" applyBorder="1" applyAlignment="1">
      <alignment horizontal="left" vertical="center" wrapText="1" indent="1"/>
    </xf>
    <xf numFmtId="0" fontId="13" fillId="9" borderId="9" xfId="0" applyFont="1" applyFill="1" applyBorder="1" applyAlignment="1">
      <alignment horizontal="left" vertical="center" wrapText="1" indent="1"/>
    </xf>
    <xf numFmtId="0" fontId="7" fillId="0" borderId="27" xfId="0" applyFont="1" applyBorder="1" applyAlignment="1">
      <alignment horizontal="left" vertical="top" wrapText="1" indent="1"/>
    </xf>
    <xf numFmtId="0" fontId="7" fillId="0" borderId="11" xfId="0" applyFont="1" applyBorder="1" applyAlignment="1">
      <alignment horizontal="left" vertical="top" wrapText="1" indent="1"/>
    </xf>
    <xf numFmtId="0" fontId="7" fillId="8" borderId="11" xfId="0" applyFont="1" applyFill="1" applyBorder="1" applyAlignment="1">
      <alignment horizontal="left" vertical="center" wrapText="1" indent="1"/>
    </xf>
    <xf numFmtId="0" fontId="7" fillId="3" borderId="11" xfId="0" applyFont="1" applyFill="1" applyBorder="1" applyAlignment="1">
      <alignment horizontal="left" vertical="center" wrapText="1" indent="1"/>
    </xf>
    <xf numFmtId="0" fontId="13" fillId="9" borderId="10" xfId="0" applyFont="1" applyFill="1" applyBorder="1" applyAlignment="1">
      <alignment horizontal="center" vertical="center" wrapText="1"/>
    </xf>
    <xf numFmtId="0" fontId="13" fillId="9" borderId="16" xfId="0" applyFont="1" applyFill="1" applyBorder="1" applyAlignment="1">
      <alignment horizontal="center" vertical="center" wrapText="1"/>
    </xf>
    <xf numFmtId="0" fontId="7" fillId="8" borderId="26" xfId="0" applyFont="1" applyFill="1" applyBorder="1" applyAlignment="1">
      <alignment horizontal="left" vertical="center" wrapText="1" indent="1"/>
    </xf>
    <xf numFmtId="0" fontId="7" fillId="3" borderId="27" xfId="0" applyFont="1" applyFill="1" applyBorder="1" applyAlignment="1">
      <alignment horizontal="left" vertical="center" wrapText="1" indent="1"/>
    </xf>
    <xf numFmtId="0" fontId="0" fillId="7" borderId="15" xfId="0" applyFill="1" applyBorder="1" applyAlignment="1">
      <alignment horizontal="left" vertical="top"/>
    </xf>
    <xf numFmtId="0" fontId="0" fillId="7" borderId="17" xfId="0" applyFill="1" applyBorder="1" applyAlignment="1">
      <alignment horizontal="left" vertical="top"/>
    </xf>
    <xf numFmtId="0" fontId="0" fillId="7" borderId="4" xfId="0" applyFill="1" applyBorder="1" applyAlignment="1">
      <alignment horizontal="left" vertical="top"/>
    </xf>
    <xf numFmtId="0" fontId="0" fillId="7" borderId="8" xfId="0" applyFill="1" applyBorder="1" applyAlignment="1">
      <alignment horizontal="left" indent="1"/>
    </xf>
    <xf numFmtId="0" fontId="5" fillId="7" borderId="6" xfId="0" applyFont="1" applyFill="1" applyBorder="1" applyAlignment="1">
      <alignment horizontal="left" indent="1"/>
    </xf>
    <xf numFmtId="0" fontId="5" fillId="7" borderId="7" xfId="0" applyFont="1" applyFill="1" applyBorder="1" applyAlignment="1">
      <alignment horizontal="left" indent="1"/>
    </xf>
    <xf numFmtId="0" fontId="5" fillId="7" borderId="2" xfId="0" applyFont="1" applyFill="1" applyBorder="1" applyAlignment="1">
      <alignment horizontal="left" indent="1"/>
    </xf>
    <xf numFmtId="0" fontId="17" fillId="4" borderId="6" xfId="0" applyFont="1" applyFill="1" applyBorder="1" applyAlignment="1">
      <alignment horizontal="center" vertical="center" wrapText="1"/>
    </xf>
    <xf numFmtId="0" fontId="17" fillId="4" borderId="2" xfId="0" applyFont="1" applyFill="1" applyBorder="1" applyAlignment="1">
      <alignment horizontal="center" vertical="center" wrapText="1"/>
    </xf>
    <xf numFmtId="0" fontId="4" fillId="3" borderId="6" xfId="0" applyFont="1" applyFill="1" applyBorder="1" applyAlignment="1">
      <alignment horizontal="center" vertical="center" wrapText="1"/>
    </xf>
    <xf numFmtId="0" fontId="4" fillId="3" borderId="8" xfId="0" applyFont="1" applyFill="1" applyBorder="1" applyAlignment="1">
      <alignment horizontal="center" vertical="center" wrapText="1"/>
    </xf>
    <xf numFmtId="0" fontId="4" fillId="3" borderId="15" xfId="0" applyFont="1" applyFill="1" applyBorder="1" applyAlignment="1">
      <alignment horizontal="center" vertical="center" wrapText="1"/>
    </xf>
    <xf numFmtId="0" fontId="4" fillId="3" borderId="21" xfId="0" applyFont="1" applyFill="1" applyBorder="1" applyAlignment="1">
      <alignment horizontal="left" vertical="center" wrapText="1" indent="1"/>
    </xf>
    <xf numFmtId="0" fontId="7" fillId="2" borderId="21" xfId="0" applyFont="1" applyFill="1" applyBorder="1" applyAlignment="1">
      <alignment horizontal="left" vertical="center" wrapText="1" indent="1"/>
    </xf>
    <xf numFmtId="0" fontId="4" fillId="8" borderId="10" xfId="0" applyFont="1" applyFill="1" applyBorder="1" applyAlignment="1">
      <alignment horizontal="center" vertical="center" wrapText="1"/>
    </xf>
    <xf numFmtId="0" fontId="4" fillId="8" borderId="27" xfId="0" applyFont="1" applyFill="1" applyBorder="1" applyAlignment="1">
      <alignment horizontal="left" vertical="center" wrapText="1" indent="1"/>
    </xf>
    <xf numFmtId="0" fontId="4" fillId="8" borderId="11" xfId="0" applyFont="1" applyFill="1" applyBorder="1" applyAlignment="1">
      <alignment horizontal="left" vertical="center" wrapText="1" indent="1"/>
    </xf>
    <xf numFmtId="0" fontId="4" fillId="8" borderId="26" xfId="0" applyFont="1" applyFill="1" applyBorder="1" applyAlignment="1">
      <alignment horizontal="left" vertical="center" wrapText="1" indent="1"/>
    </xf>
    <xf numFmtId="0" fontId="21" fillId="14" borderId="8" xfId="0" applyFont="1" applyFill="1" applyBorder="1" applyAlignment="1">
      <alignment horizontal="left" vertical="top" wrapText="1"/>
    </xf>
    <xf numFmtId="0" fontId="21" fillId="14" borderId="0" xfId="0" applyFont="1" applyFill="1" applyAlignment="1">
      <alignment horizontal="left" vertical="top" wrapText="1"/>
    </xf>
    <xf numFmtId="0" fontId="21" fillId="14" borderId="19" xfId="0" applyFont="1" applyFill="1" applyBorder="1" applyAlignment="1">
      <alignment horizontal="left" vertical="top" wrapText="1"/>
    </xf>
    <xf numFmtId="0" fontId="19" fillId="14" borderId="15" xfId="0" applyFont="1" applyFill="1" applyBorder="1" applyAlignment="1">
      <alignment horizontal="left" vertical="top" wrapText="1"/>
    </xf>
    <xf numFmtId="0" fontId="19" fillId="14" borderId="17" xfId="0" applyFont="1" applyFill="1" applyBorder="1" applyAlignment="1">
      <alignment horizontal="left" vertical="top" wrapText="1"/>
    </xf>
    <xf numFmtId="0" fontId="19" fillId="14" borderId="4" xfId="0" applyFont="1" applyFill="1" applyBorder="1" applyAlignment="1">
      <alignment horizontal="left" vertical="top" wrapText="1"/>
    </xf>
    <xf numFmtId="0" fontId="21" fillId="14" borderId="6" xfId="0" applyFont="1" applyFill="1" applyBorder="1" applyAlignment="1">
      <alignment horizontal="left" vertical="top" wrapText="1"/>
    </xf>
    <xf numFmtId="0" fontId="21" fillId="14" borderId="7" xfId="0" applyFont="1" applyFill="1" applyBorder="1" applyAlignment="1">
      <alignment horizontal="left" vertical="top"/>
    </xf>
    <xf numFmtId="0" fontId="21" fillId="14" borderId="2" xfId="0" applyFont="1" applyFill="1" applyBorder="1" applyAlignment="1">
      <alignment horizontal="left" vertical="top"/>
    </xf>
    <xf numFmtId="0" fontId="20" fillId="12" borderId="6" xfId="0" applyFont="1" applyFill="1" applyBorder="1" applyAlignment="1">
      <alignment horizontal="center" vertical="center" wrapText="1"/>
    </xf>
    <xf numFmtId="0" fontId="20" fillId="12" borderId="8" xfId="0" applyFont="1" applyFill="1" applyBorder="1" applyAlignment="1">
      <alignment horizontal="center" vertical="center" wrapText="1"/>
    </xf>
    <xf numFmtId="0" fontId="20" fillId="13" borderId="27" xfId="0" applyFont="1" applyFill="1" applyBorder="1" applyAlignment="1">
      <alignment horizontal="center" vertical="center" wrapText="1"/>
    </xf>
    <xf numFmtId="0" fontId="20" fillId="13" borderId="11" xfId="0" applyFont="1" applyFill="1" applyBorder="1" applyAlignment="1">
      <alignment horizontal="center" vertical="center" wrapText="1"/>
    </xf>
    <xf numFmtId="0" fontId="20" fillId="12" borderId="22" xfId="0" applyFont="1" applyFill="1" applyBorder="1" applyAlignment="1">
      <alignment horizontal="center" vertical="center" wrapText="1"/>
    </xf>
    <xf numFmtId="0" fontId="20" fillId="12" borderId="23" xfId="0" applyFont="1" applyFill="1" applyBorder="1" applyAlignment="1">
      <alignment horizontal="center" vertical="center" wrapText="1"/>
    </xf>
    <xf numFmtId="0" fontId="20" fillId="12" borderId="24" xfId="0" applyFont="1" applyFill="1" applyBorder="1" applyAlignment="1">
      <alignment horizontal="center" vertical="center" wrapText="1"/>
    </xf>
    <xf numFmtId="0" fontId="20" fillId="13" borderId="12" xfId="0" applyFont="1" applyFill="1" applyBorder="1" applyAlignment="1">
      <alignment horizontal="center" vertical="center" wrapText="1"/>
    </xf>
    <xf numFmtId="0" fontId="20" fillId="13" borderId="25" xfId="0" applyFont="1" applyFill="1" applyBorder="1" applyAlignment="1">
      <alignment horizontal="center" vertical="center" wrapText="1"/>
    </xf>
    <xf numFmtId="0" fontId="20" fillId="13" borderId="14" xfId="0" applyFont="1" applyFill="1" applyBorder="1" applyAlignment="1">
      <alignment horizontal="center" vertical="center" wrapText="1"/>
    </xf>
    <xf numFmtId="0" fontId="20" fillId="13" borderId="28" xfId="0" applyFont="1" applyFill="1" applyBorder="1" applyAlignment="1">
      <alignment horizontal="center" vertical="center" wrapText="1"/>
    </xf>
    <xf numFmtId="0" fontId="20" fillId="13" borderId="13" xfId="0" applyFont="1" applyFill="1" applyBorder="1" applyAlignment="1">
      <alignment horizontal="center" vertical="center" wrapText="1"/>
    </xf>
    <xf numFmtId="0" fontId="20" fillId="13" borderId="26" xfId="0" applyFont="1" applyFill="1" applyBorder="1" applyAlignment="1">
      <alignment horizontal="center" vertical="center" wrapText="1"/>
    </xf>
  </cellXfs>
  <cellStyles count="2">
    <cellStyle name="60% - Accent5" xfId="1" builtinId="48"/>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theme" Target="theme/theme1.xml"/><Relationship Id="rId7" Type="http://schemas.openxmlformats.org/officeDocument/2006/relationships/customXml" Target="../customXml/item2.xml"/><Relationship Id="rId12" Type="http://schemas.openxmlformats.org/officeDocument/2006/relationships/customXml" Target="../customXml/item7.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ustomXml" Target="../customXml/item1.xml"/><Relationship Id="rId11" Type="http://schemas.openxmlformats.org/officeDocument/2006/relationships/customXml" Target="../customXml/item6.xml"/><Relationship Id="rId5" Type="http://schemas.openxmlformats.org/officeDocument/2006/relationships/sharedStrings" Target="sharedStrings.xml"/><Relationship Id="rId10" Type="http://schemas.openxmlformats.org/officeDocument/2006/relationships/customXml" Target="../customXml/item5.xml"/><Relationship Id="rId4" Type="http://schemas.openxmlformats.org/officeDocument/2006/relationships/styles" Target="styles.xml"/><Relationship Id="rId9" Type="http://schemas.openxmlformats.org/officeDocument/2006/relationships/customXml" Target="../customXml/item4.xml"/></Relationships>
</file>

<file path=xl/drawings/_rels/vmlDrawing2.vml.rels><?xml version="1.0" encoding="UTF-8" standalone="yes"?>
<Relationships xmlns="http://schemas.openxmlformats.org/package/2006/relationships"><Relationship Id="rId1" Type="http://schemas.openxmlformats.org/officeDocument/2006/relationships/image" Target="../media/image1.png"/></Relationships>
</file>

<file path=xl/theme/theme1.xml><?xml version="1.0" encoding="utf-8"?>
<a:theme xmlns:a="http://schemas.openxmlformats.org/drawingml/2006/main" name="Office Theme">
  <a:themeElements>
    <a:clrScheme name="ericsson">
      <a:dk1>
        <a:sysClr val="windowText" lastClr="000000"/>
      </a:dk1>
      <a:lt1>
        <a:sysClr val="window" lastClr="FFFFFF"/>
      </a:lt1>
      <a:dk2>
        <a:srgbClr val="575F6D"/>
      </a:dk2>
      <a:lt2>
        <a:srgbClr val="FFF39D"/>
      </a:lt2>
      <a:accent1>
        <a:srgbClr val="89BA17"/>
      </a:accent1>
      <a:accent2>
        <a:srgbClr val="F08A00"/>
      </a:accent2>
      <a:accent3>
        <a:srgbClr val="00A9D4"/>
      </a:accent3>
      <a:accent4>
        <a:srgbClr val="00625F"/>
      </a:accent4>
      <a:accent5>
        <a:srgbClr val="B1B3B4"/>
      </a:accent5>
      <a:accent6>
        <a:srgbClr val="00285F"/>
      </a:accent6>
      <a:hlink>
        <a:srgbClr val="D2611C"/>
      </a:hlink>
      <a:folHlink>
        <a:srgbClr val="3B435B"/>
      </a:folHlink>
    </a:clrScheme>
    <a:fontScheme name="Office">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3" Type="http://schemas.openxmlformats.org/officeDocument/2006/relationships/vmlDrawing" Target="../drawings/vmlDrawing2.vml"/><Relationship Id="rId2" Type="http://schemas.openxmlformats.org/officeDocument/2006/relationships/vmlDrawing" Target="../drawings/vmlDrawing1.vml"/><Relationship Id="rId1" Type="http://schemas.openxmlformats.org/officeDocument/2006/relationships/printerSettings" Target="../printerSettings/printerSettings1.bin"/><Relationship Id="rId4" Type="http://schemas.openxmlformats.org/officeDocument/2006/relationships/comments" Target="../comments1.xm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59A54D3-2674-4C0D-B98D-0F0CA545223D}">
  <sheetPr>
    <pageSetUpPr fitToPage="1"/>
  </sheetPr>
  <dimension ref="A1:AQ224"/>
  <sheetViews>
    <sheetView topLeftCell="A84" zoomScaleNormal="100" workbookViewId="0">
      <selection activeCell="B1" sqref="B1"/>
    </sheetView>
  </sheetViews>
  <sheetFormatPr defaultColWidth="8.81640625" defaultRowHeight="14.5" x14ac:dyDescent="0.35"/>
  <cols>
    <col min="1" max="1" width="3.1796875" style="76" customWidth="1"/>
    <col min="2" max="2" width="3" style="76" customWidth="1"/>
    <col min="3" max="3" width="21.453125" customWidth="1"/>
    <col min="4" max="4" width="17.81640625" style="5" customWidth="1"/>
    <col min="5" max="5" width="28.36328125" customWidth="1"/>
    <col min="6" max="6" width="120.81640625" customWidth="1"/>
    <col min="7" max="7" width="33.453125" customWidth="1"/>
    <col min="8" max="11" width="14.6328125" customWidth="1"/>
    <col min="12" max="12" width="46" customWidth="1"/>
    <col min="13" max="43" width="8.81640625" style="76"/>
    <col min="259" max="259" width="36.1796875" customWidth="1"/>
    <col min="260" max="260" width="57.81640625" customWidth="1"/>
    <col min="261" max="261" width="40" customWidth="1"/>
    <col min="515" max="515" width="36.1796875" customWidth="1"/>
    <col min="516" max="516" width="57.81640625" customWidth="1"/>
    <col min="517" max="517" width="40" customWidth="1"/>
    <col min="771" max="771" width="36.1796875" customWidth="1"/>
    <col min="772" max="772" width="57.81640625" customWidth="1"/>
    <col min="773" max="773" width="40" customWidth="1"/>
    <col min="1027" max="1027" width="36.1796875" customWidth="1"/>
    <col min="1028" max="1028" width="57.81640625" customWidth="1"/>
    <col min="1029" max="1029" width="40" customWidth="1"/>
    <col min="1283" max="1283" width="36.1796875" customWidth="1"/>
    <col min="1284" max="1284" width="57.81640625" customWidth="1"/>
    <col min="1285" max="1285" width="40" customWidth="1"/>
    <col min="1539" max="1539" width="36.1796875" customWidth="1"/>
    <col min="1540" max="1540" width="57.81640625" customWidth="1"/>
    <col min="1541" max="1541" width="40" customWidth="1"/>
    <col min="1795" max="1795" width="36.1796875" customWidth="1"/>
    <col min="1796" max="1796" width="57.81640625" customWidth="1"/>
    <col min="1797" max="1797" width="40" customWidth="1"/>
    <col min="2051" max="2051" width="36.1796875" customWidth="1"/>
    <col min="2052" max="2052" width="57.81640625" customWidth="1"/>
    <col min="2053" max="2053" width="40" customWidth="1"/>
    <col min="2307" max="2307" width="36.1796875" customWidth="1"/>
    <col min="2308" max="2308" width="57.81640625" customWidth="1"/>
    <col min="2309" max="2309" width="40" customWidth="1"/>
    <col min="2563" max="2563" width="36.1796875" customWidth="1"/>
    <col min="2564" max="2564" width="57.81640625" customWidth="1"/>
    <col min="2565" max="2565" width="40" customWidth="1"/>
    <col min="2819" max="2819" width="36.1796875" customWidth="1"/>
    <col min="2820" max="2820" width="57.81640625" customWidth="1"/>
    <col min="2821" max="2821" width="40" customWidth="1"/>
    <col min="3075" max="3075" width="36.1796875" customWidth="1"/>
    <col min="3076" max="3076" width="57.81640625" customWidth="1"/>
    <col min="3077" max="3077" width="40" customWidth="1"/>
    <col min="3331" max="3331" width="36.1796875" customWidth="1"/>
    <col min="3332" max="3332" width="57.81640625" customWidth="1"/>
    <col min="3333" max="3333" width="40" customWidth="1"/>
    <col min="3587" max="3587" width="36.1796875" customWidth="1"/>
    <col min="3588" max="3588" width="57.81640625" customWidth="1"/>
    <col min="3589" max="3589" width="40" customWidth="1"/>
    <col min="3843" max="3843" width="36.1796875" customWidth="1"/>
    <col min="3844" max="3844" width="57.81640625" customWidth="1"/>
    <col min="3845" max="3845" width="40" customWidth="1"/>
    <col min="4099" max="4099" width="36.1796875" customWidth="1"/>
    <col min="4100" max="4100" width="57.81640625" customWidth="1"/>
    <col min="4101" max="4101" width="40" customWidth="1"/>
    <col min="4355" max="4355" width="36.1796875" customWidth="1"/>
    <col min="4356" max="4356" width="57.81640625" customWidth="1"/>
    <col min="4357" max="4357" width="40" customWidth="1"/>
    <col min="4611" max="4611" width="36.1796875" customWidth="1"/>
    <col min="4612" max="4612" width="57.81640625" customWidth="1"/>
    <col min="4613" max="4613" width="40" customWidth="1"/>
    <col min="4867" max="4867" width="36.1796875" customWidth="1"/>
    <col min="4868" max="4868" width="57.81640625" customWidth="1"/>
    <col min="4869" max="4869" width="40" customWidth="1"/>
    <col min="5123" max="5123" width="36.1796875" customWidth="1"/>
    <col min="5124" max="5124" width="57.81640625" customWidth="1"/>
    <col min="5125" max="5125" width="40" customWidth="1"/>
    <col min="5379" max="5379" width="36.1796875" customWidth="1"/>
    <col min="5380" max="5380" width="57.81640625" customWidth="1"/>
    <col min="5381" max="5381" width="40" customWidth="1"/>
    <col min="5635" max="5635" width="36.1796875" customWidth="1"/>
    <col min="5636" max="5636" width="57.81640625" customWidth="1"/>
    <col min="5637" max="5637" width="40" customWidth="1"/>
    <col min="5891" max="5891" width="36.1796875" customWidth="1"/>
    <col min="5892" max="5892" width="57.81640625" customWidth="1"/>
    <col min="5893" max="5893" width="40" customWidth="1"/>
    <col min="6147" max="6147" width="36.1796875" customWidth="1"/>
    <col min="6148" max="6148" width="57.81640625" customWidth="1"/>
    <col min="6149" max="6149" width="40" customWidth="1"/>
    <col min="6403" max="6403" width="36.1796875" customWidth="1"/>
    <col min="6404" max="6404" width="57.81640625" customWidth="1"/>
    <col min="6405" max="6405" width="40" customWidth="1"/>
    <col min="6659" max="6659" width="36.1796875" customWidth="1"/>
    <col min="6660" max="6660" width="57.81640625" customWidth="1"/>
    <col min="6661" max="6661" width="40" customWidth="1"/>
    <col min="6915" max="6915" width="36.1796875" customWidth="1"/>
    <col min="6916" max="6916" width="57.81640625" customWidth="1"/>
    <col min="6917" max="6917" width="40" customWidth="1"/>
    <col min="7171" max="7171" width="36.1796875" customWidth="1"/>
    <col min="7172" max="7172" width="57.81640625" customWidth="1"/>
    <col min="7173" max="7173" width="40" customWidth="1"/>
    <col min="7427" max="7427" width="36.1796875" customWidth="1"/>
    <col min="7428" max="7428" width="57.81640625" customWidth="1"/>
    <col min="7429" max="7429" width="40" customWidth="1"/>
    <col min="7683" max="7683" width="36.1796875" customWidth="1"/>
    <col min="7684" max="7684" width="57.81640625" customWidth="1"/>
    <col min="7685" max="7685" width="40" customWidth="1"/>
    <col min="7939" max="7939" width="36.1796875" customWidth="1"/>
    <col min="7940" max="7940" width="57.81640625" customWidth="1"/>
    <col min="7941" max="7941" width="40" customWidth="1"/>
    <col min="8195" max="8195" width="36.1796875" customWidth="1"/>
    <col min="8196" max="8196" width="57.81640625" customWidth="1"/>
    <col min="8197" max="8197" width="40" customWidth="1"/>
    <col min="8451" max="8451" width="36.1796875" customWidth="1"/>
    <col min="8452" max="8452" width="57.81640625" customWidth="1"/>
    <col min="8453" max="8453" width="40" customWidth="1"/>
    <col min="8707" max="8707" width="36.1796875" customWidth="1"/>
    <col min="8708" max="8708" width="57.81640625" customWidth="1"/>
    <col min="8709" max="8709" width="40" customWidth="1"/>
    <col min="8963" max="8963" width="36.1796875" customWidth="1"/>
    <col min="8964" max="8964" width="57.81640625" customWidth="1"/>
    <col min="8965" max="8965" width="40" customWidth="1"/>
    <col min="9219" max="9219" width="36.1796875" customWidth="1"/>
    <col min="9220" max="9220" width="57.81640625" customWidth="1"/>
    <col min="9221" max="9221" width="40" customWidth="1"/>
    <col min="9475" max="9475" width="36.1796875" customWidth="1"/>
    <col min="9476" max="9476" width="57.81640625" customWidth="1"/>
    <col min="9477" max="9477" width="40" customWidth="1"/>
    <col min="9731" max="9731" width="36.1796875" customWidth="1"/>
    <col min="9732" max="9732" width="57.81640625" customWidth="1"/>
    <col min="9733" max="9733" width="40" customWidth="1"/>
    <col min="9987" max="9987" width="36.1796875" customWidth="1"/>
    <col min="9988" max="9988" width="57.81640625" customWidth="1"/>
    <col min="9989" max="9989" width="40" customWidth="1"/>
    <col min="10243" max="10243" width="36.1796875" customWidth="1"/>
    <col min="10244" max="10244" width="57.81640625" customWidth="1"/>
    <col min="10245" max="10245" width="40" customWidth="1"/>
    <col min="10499" max="10499" width="36.1796875" customWidth="1"/>
    <col min="10500" max="10500" width="57.81640625" customWidth="1"/>
    <col min="10501" max="10501" width="40" customWidth="1"/>
    <col min="10755" max="10755" width="36.1796875" customWidth="1"/>
    <col min="10756" max="10756" width="57.81640625" customWidth="1"/>
    <col min="10757" max="10757" width="40" customWidth="1"/>
    <col min="11011" max="11011" width="36.1796875" customWidth="1"/>
    <col min="11012" max="11012" width="57.81640625" customWidth="1"/>
    <col min="11013" max="11013" width="40" customWidth="1"/>
    <col min="11267" max="11267" width="36.1796875" customWidth="1"/>
    <col min="11268" max="11268" width="57.81640625" customWidth="1"/>
    <col min="11269" max="11269" width="40" customWidth="1"/>
    <col min="11523" max="11523" width="36.1796875" customWidth="1"/>
    <col min="11524" max="11524" width="57.81640625" customWidth="1"/>
    <col min="11525" max="11525" width="40" customWidth="1"/>
    <col min="11779" max="11779" width="36.1796875" customWidth="1"/>
    <col min="11780" max="11780" width="57.81640625" customWidth="1"/>
    <col min="11781" max="11781" width="40" customWidth="1"/>
    <col min="12035" max="12035" width="36.1796875" customWidth="1"/>
    <col min="12036" max="12036" width="57.81640625" customWidth="1"/>
    <col min="12037" max="12037" width="40" customWidth="1"/>
    <col min="12291" max="12291" width="36.1796875" customWidth="1"/>
    <col min="12292" max="12292" width="57.81640625" customWidth="1"/>
    <col min="12293" max="12293" width="40" customWidth="1"/>
    <col min="12547" max="12547" width="36.1796875" customWidth="1"/>
    <col min="12548" max="12548" width="57.81640625" customWidth="1"/>
    <col min="12549" max="12549" width="40" customWidth="1"/>
    <col min="12803" max="12803" width="36.1796875" customWidth="1"/>
    <col min="12804" max="12804" width="57.81640625" customWidth="1"/>
    <col min="12805" max="12805" width="40" customWidth="1"/>
    <col min="13059" max="13059" width="36.1796875" customWidth="1"/>
    <col min="13060" max="13060" width="57.81640625" customWidth="1"/>
    <col min="13061" max="13061" width="40" customWidth="1"/>
    <col min="13315" max="13315" width="36.1796875" customWidth="1"/>
    <col min="13316" max="13316" width="57.81640625" customWidth="1"/>
    <col min="13317" max="13317" width="40" customWidth="1"/>
    <col min="13571" max="13571" width="36.1796875" customWidth="1"/>
    <col min="13572" max="13572" width="57.81640625" customWidth="1"/>
    <col min="13573" max="13573" width="40" customWidth="1"/>
    <col min="13827" max="13827" width="36.1796875" customWidth="1"/>
    <col min="13828" max="13828" width="57.81640625" customWidth="1"/>
    <col min="13829" max="13829" width="40" customWidth="1"/>
    <col min="14083" max="14083" width="36.1796875" customWidth="1"/>
    <col min="14084" max="14084" width="57.81640625" customWidth="1"/>
    <col min="14085" max="14085" width="40" customWidth="1"/>
    <col min="14339" max="14339" width="36.1796875" customWidth="1"/>
    <col min="14340" max="14340" width="57.81640625" customWidth="1"/>
    <col min="14341" max="14341" width="40" customWidth="1"/>
    <col min="14595" max="14595" width="36.1796875" customWidth="1"/>
    <col min="14596" max="14596" width="57.81640625" customWidth="1"/>
    <col min="14597" max="14597" width="40" customWidth="1"/>
    <col min="14851" max="14851" width="36.1796875" customWidth="1"/>
    <col min="14852" max="14852" width="57.81640625" customWidth="1"/>
    <col min="14853" max="14853" width="40" customWidth="1"/>
    <col min="15107" max="15107" width="36.1796875" customWidth="1"/>
    <col min="15108" max="15108" width="57.81640625" customWidth="1"/>
    <col min="15109" max="15109" width="40" customWidth="1"/>
    <col min="15363" max="15363" width="36.1796875" customWidth="1"/>
    <col min="15364" max="15364" width="57.81640625" customWidth="1"/>
    <col min="15365" max="15365" width="40" customWidth="1"/>
    <col min="15619" max="15619" width="36.1796875" customWidth="1"/>
    <col min="15620" max="15620" width="57.81640625" customWidth="1"/>
    <col min="15621" max="15621" width="40" customWidth="1"/>
    <col min="15875" max="15875" width="36.1796875" customWidth="1"/>
    <col min="15876" max="15876" width="57.81640625" customWidth="1"/>
    <col min="15877" max="15877" width="40" customWidth="1"/>
    <col min="16131" max="16131" width="36.1796875" customWidth="1"/>
    <col min="16132" max="16132" width="57.81640625" customWidth="1"/>
    <col min="16133" max="16133" width="40" customWidth="1"/>
  </cols>
  <sheetData>
    <row r="1" spans="1:43" ht="15" thickBot="1" x14ac:dyDescent="0.4">
      <c r="C1" s="76"/>
      <c r="D1" s="139"/>
      <c r="E1" s="76"/>
      <c r="F1" s="76"/>
      <c r="G1" s="76"/>
      <c r="H1" s="76"/>
      <c r="I1" s="76"/>
      <c r="J1" s="76"/>
      <c r="K1" s="76"/>
      <c r="L1" s="76"/>
    </row>
    <row r="2" spans="1:43" ht="21" x14ac:dyDescent="0.5">
      <c r="C2" s="189" t="s">
        <v>140</v>
      </c>
      <c r="D2" s="190"/>
      <c r="E2" s="190"/>
      <c r="F2" s="191"/>
      <c r="G2" s="76"/>
      <c r="H2" s="76"/>
      <c r="I2" s="76"/>
      <c r="J2" s="76"/>
      <c r="K2" s="76"/>
      <c r="L2" s="76"/>
    </row>
    <row r="3" spans="1:43" x14ac:dyDescent="0.35">
      <c r="C3" s="165" t="s">
        <v>134</v>
      </c>
      <c r="D3" s="166"/>
      <c r="E3" s="166"/>
      <c r="F3" s="167"/>
      <c r="G3" s="76"/>
      <c r="H3" s="76"/>
      <c r="I3" s="76"/>
      <c r="J3" s="76"/>
      <c r="K3" s="76"/>
      <c r="L3" s="76"/>
    </row>
    <row r="4" spans="1:43" x14ac:dyDescent="0.35">
      <c r="C4" s="134" t="s">
        <v>136</v>
      </c>
      <c r="D4" s="135"/>
      <c r="E4" s="136"/>
      <c r="F4" s="137"/>
      <c r="G4" s="76"/>
      <c r="H4" s="76"/>
      <c r="I4" s="76"/>
      <c r="J4" s="76"/>
      <c r="K4" s="76"/>
      <c r="L4" s="76"/>
    </row>
    <row r="5" spans="1:43" x14ac:dyDescent="0.35">
      <c r="C5" s="165" t="s">
        <v>137</v>
      </c>
      <c r="D5" s="166"/>
      <c r="E5" s="166"/>
      <c r="F5" s="167"/>
      <c r="G5" s="76"/>
      <c r="H5" s="76"/>
      <c r="I5" s="76"/>
      <c r="J5" s="76"/>
      <c r="K5" s="76"/>
      <c r="L5" s="76"/>
    </row>
    <row r="6" spans="1:43" x14ac:dyDescent="0.35">
      <c r="C6" s="165" t="s">
        <v>135</v>
      </c>
      <c r="D6" s="166"/>
      <c r="E6" s="166"/>
      <c r="F6" s="167"/>
      <c r="G6" s="76"/>
      <c r="H6" s="76"/>
      <c r="I6" s="76"/>
      <c r="J6" s="76"/>
      <c r="K6" s="76"/>
      <c r="L6" s="76"/>
    </row>
    <row r="7" spans="1:43" x14ac:dyDescent="0.35">
      <c r="C7" s="168" t="s">
        <v>219</v>
      </c>
      <c r="D7" s="169"/>
      <c r="E7" s="169"/>
      <c r="F7" s="170"/>
      <c r="G7" s="76"/>
      <c r="H7" s="76"/>
      <c r="I7" s="76"/>
      <c r="J7" s="76"/>
      <c r="K7" s="76"/>
      <c r="L7" s="76"/>
    </row>
    <row r="8" spans="1:43" x14ac:dyDescent="0.35">
      <c r="C8" s="171" t="s">
        <v>220</v>
      </c>
      <c r="D8" s="172"/>
      <c r="E8" s="172"/>
      <c r="F8" s="173"/>
      <c r="G8" s="76"/>
      <c r="H8" s="76"/>
      <c r="I8" s="76"/>
      <c r="J8" s="76"/>
      <c r="K8" s="76"/>
      <c r="L8" s="76"/>
    </row>
    <row r="9" spans="1:43" x14ac:dyDescent="0.35">
      <c r="C9" s="171" t="s">
        <v>221</v>
      </c>
      <c r="D9" s="172"/>
      <c r="E9" s="172"/>
      <c r="F9" s="173"/>
      <c r="G9" s="143"/>
      <c r="H9" s="143"/>
      <c r="I9" s="143"/>
      <c r="J9" s="143"/>
      <c r="K9" s="143"/>
      <c r="L9" s="76"/>
    </row>
    <row r="10" spans="1:43" x14ac:dyDescent="0.35">
      <c r="C10" s="188"/>
      <c r="D10" s="172"/>
      <c r="E10" s="172"/>
      <c r="F10" s="173"/>
      <c r="G10" s="76"/>
      <c r="H10" s="144"/>
      <c r="I10" s="144"/>
      <c r="J10" s="144"/>
      <c r="K10" s="144"/>
      <c r="L10" s="76"/>
    </row>
    <row r="11" spans="1:43" s="12" customFormat="1" ht="22" customHeight="1" thickBot="1" x14ac:dyDescent="0.4">
      <c r="A11" s="145"/>
      <c r="B11" s="145"/>
      <c r="C11" s="185" t="s">
        <v>145</v>
      </c>
      <c r="D11" s="186"/>
      <c r="E11" s="186"/>
      <c r="F11" s="187"/>
      <c r="G11" s="145"/>
      <c r="H11" s="144"/>
      <c r="I11" s="144"/>
      <c r="J11" s="144"/>
      <c r="K11" s="144"/>
      <c r="L11" s="145"/>
      <c r="M11" s="145"/>
      <c r="N11" s="145"/>
      <c r="O11" s="145"/>
      <c r="P11" s="145"/>
      <c r="Q11" s="145"/>
      <c r="R11" s="145"/>
      <c r="S11" s="145"/>
      <c r="T11" s="145"/>
      <c r="U11" s="145"/>
      <c r="V11" s="145"/>
      <c r="W11" s="145"/>
      <c r="X11" s="145"/>
      <c r="Y11" s="145"/>
      <c r="Z11" s="145"/>
      <c r="AA11" s="145"/>
      <c r="AB11" s="145"/>
      <c r="AC11" s="145"/>
      <c r="AD11" s="145"/>
      <c r="AE11" s="145"/>
      <c r="AF11" s="145"/>
      <c r="AG11" s="145"/>
      <c r="AH11" s="145"/>
      <c r="AI11" s="145"/>
      <c r="AJ11" s="145"/>
      <c r="AK11" s="145"/>
      <c r="AL11" s="145"/>
      <c r="AM11" s="145"/>
      <c r="AN11" s="145"/>
      <c r="AO11" s="145"/>
      <c r="AP11" s="145"/>
      <c r="AQ11" s="145"/>
    </row>
    <row r="12" spans="1:43" x14ac:dyDescent="0.35">
      <c r="C12" s="138"/>
      <c r="D12" s="139"/>
      <c r="E12" s="140"/>
      <c r="F12" s="140"/>
      <c r="G12" s="76"/>
      <c r="H12" s="76"/>
      <c r="I12" s="76"/>
      <c r="J12" s="76"/>
      <c r="K12" s="76"/>
      <c r="L12" s="76"/>
    </row>
    <row r="13" spans="1:43" ht="26.5" thickBot="1" x14ac:dyDescent="0.65">
      <c r="A13" s="146"/>
      <c r="C13" s="141" t="s">
        <v>139</v>
      </c>
      <c r="D13" s="142"/>
      <c r="E13" s="76"/>
      <c r="F13" s="76"/>
      <c r="G13" s="76"/>
      <c r="H13" s="76"/>
      <c r="I13" s="76"/>
      <c r="J13" s="76"/>
      <c r="K13" s="76"/>
      <c r="L13" s="76"/>
    </row>
    <row r="14" spans="1:43" ht="58.5" thickBot="1" x14ac:dyDescent="0.4">
      <c r="C14" s="8" t="s">
        <v>122</v>
      </c>
      <c r="D14" s="148" t="s">
        <v>121</v>
      </c>
      <c r="E14" s="149"/>
      <c r="F14" s="61" t="s">
        <v>120</v>
      </c>
      <c r="G14" s="9" t="s">
        <v>1</v>
      </c>
      <c r="H14" s="52" t="s">
        <v>206</v>
      </c>
      <c r="I14" s="52" t="s">
        <v>207</v>
      </c>
      <c r="J14" s="53" t="s">
        <v>208</v>
      </c>
      <c r="K14" s="53" t="s">
        <v>213</v>
      </c>
      <c r="L14" s="54" t="s">
        <v>123</v>
      </c>
    </row>
    <row r="15" spans="1:43" ht="34.5" customHeight="1" thickBot="1" x14ac:dyDescent="0.4">
      <c r="C15" s="150" t="s">
        <v>2</v>
      </c>
      <c r="D15" s="151" t="s">
        <v>3</v>
      </c>
      <c r="E15" s="151"/>
      <c r="F15" s="108" t="s">
        <v>4</v>
      </c>
      <c r="G15" s="108"/>
      <c r="H15" s="109"/>
      <c r="I15" s="109"/>
      <c r="J15" s="109"/>
      <c r="K15" s="109"/>
      <c r="L15" s="115"/>
    </row>
    <row r="16" spans="1:43" ht="31.5" thickBot="1" x14ac:dyDescent="0.4">
      <c r="C16" s="150"/>
      <c r="D16" s="152" t="s">
        <v>5</v>
      </c>
      <c r="E16" s="152"/>
      <c r="F16" s="55" t="s">
        <v>6</v>
      </c>
      <c r="G16" s="55"/>
      <c r="H16" s="56"/>
      <c r="I16" s="56"/>
      <c r="J16" s="56"/>
      <c r="K16" s="56"/>
      <c r="L16" s="116"/>
    </row>
    <row r="17" spans="3:12" ht="16" thickBot="1" x14ac:dyDescent="0.4">
      <c r="C17" s="150"/>
      <c r="D17" s="152" t="s">
        <v>7</v>
      </c>
      <c r="E17" s="152"/>
      <c r="F17" s="55" t="s">
        <v>8</v>
      </c>
      <c r="G17" s="55"/>
      <c r="H17" s="56"/>
      <c r="I17" s="56"/>
      <c r="J17" s="56"/>
      <c r="K17" s="56"/>
      <c r="L17" s="116"/>
    </row>
    <row r="18" spans="3:12" ht="16" thickBot="1" x14ac:dyDescent="0.4">
      <c r="C18" s="150"/>
      <c r="D18" s="152" t="s">
        <v>9</v>
      </c>
      <c r="E18" s="152"/>
      <c r="F18" s="55" t="s">
        <v>10</v>
      </c>
      <c r="G18" s="55"/>
      <c r="H18" s="56"/>
      <c r="I18" s="56"/>
      <c r="J18" s="56"/>
      <c r="K18" s="56"/>
      <c r="L18" s="116"/>
    </row>
    <row r="19" spans="3:12" ht="16" thickBot="1" x14ac:dyDescent="0.4">
      <c r="C19" s="150"/>
      <c r="D19" s="152" t="s">
        <v>11</v>
      </c>
      <c r="E19" s="152"/>
      <c r="F19" s="55" t="s">
        <v>12</v>
      </c>
      <c r="G19" s="55"/>
      <c r="H19" s="56"/>
      <c r="I19" s="56"/>
      <c r="J19" s="56"/>
      <c r="K19" s="56"/>
      <c r="L19" s="116"/>
    </row>
    <row r="20" spans="3:12" ht="37" customHeight="1" thickBot="1" x14ac:dyDescent="0.4">
      <c r="C20" s="150"/>
      <c r="D20" s="152" t="s">
        <v>13</v>
      </c>
      <c r="E20" s="152"/>
      <c r="F20" s="55" t="s">
        <v>14</v>
      </c>
      <c r="G20" s="55"/>
      <c r="H20" s="56"/>
      <c r="I20" s="56"/>
      <c r="J20" s="56"/>
      <c r="K20" s="56"/>
      <c r="L20" s="116"/>
    </row>
    <row r="21" spans="3:12" ht="35.5" customHeight="1" thickBot="1" x14ac:dyDescent="0.4">
      <c r="C21" s="150"/>
      <c r="D21" s="152" t="s">
        <v>15</v>
      </c>
      <c r="E21" s="152"/>
      <c r="F21" s="55" t="s">
        <v>16</v>
      </c>
      <c r="G21" s="55"/>
      <c r="H21" s="56"/>
      <c r="I21" s="56"/>
      <c r="J21" s="56"/>
      <c r="K21" s="56"/>
      <c r="L21" s="116"/>
    </row>
    <row r="22" spans="3:12" ht="31.5" thickBot="1" x14ac:dyDescent="0.4">
      <c r="C22" s="150"/>
      <c r="D22" s="152" t="s">
        <v>17</v>
      </c>
      <c r="E22" s="152"/>
      <c r="F22" s="55" t="s">
        <v>18</v>
      </c>
      <c r="G22" s="55"/>
      <c r="H22" s="57"/>
      <c r="I22" s="57"/>
      <c r="J22" s="57"/>
      <c r="K22" s="57"/>
      <c r="L22" s="116"/>
    </row>
    <row r="23" spans="3:12" ht="16" thickBot="1" x14ac:dyDescent="0.4">
      <c r="C23" s="150"/>
      <c r="D23" s="152" t="s">
        <v>19</v>
      </c>
      <c r="E23" s="152"/>
      <c r="F23" s="55" t="s">
        <v>20</v>
      </c>
      <c r="G23" s="55"/>
      <c r="H23" s="57"/>
      <c r="I23" s="57"/>
      <c r="J23" s="57"/>
      <c r="K23" s="57"/>
      <c r="L23" s="116"/>
    </row>
    <row r="24" spans="3:12" ht="16" thickBot="1" x14ac:dyDescent="0.4">
      <c r="C24" s="150"/>
      <c r="D24" s="152" t="s">
        <v>21</v>
      </c>
      <c r="E24" s="152"/>
      <c r="F24" s="55" t="s">
        <v>22</v>
      </c>
      <c r="G24" s="55"/>
      <c r="H24" s="56"/>
      <c r="I24" s="56"/>
      <c r="J24" s="56"/>
      <c r="K24" s="56"/>
      <c r="L24" s="116"/>
    </row>
    <row r="25" spans="3:12" ht="38" customHeight="1" thickBot="1" x14ac:dyDescent="0.4">
      <c r="C25" s="150"/>
      <c r="D25" s="152" t="s">
        <v>23</v>
      </c>
      <c r="E25" s="152"/>
      <c r="F25" s="55" t="s">
        <v>24</v>
      </c>
      <c r="G25" s="55"/>
      <c r="H25" s="56"/>
      <c r="I25" s="56"/>
      <c r="J25" s="56"/>
      <c r="K25" s="56"/>
      <c r="L25" s="116"/>
    </row>
    <row r="26" spans="3:12" ht="16" thickBot="1" x14ac:dyDescent="0.4">
      <c r="C26" s="150"/>
      <c r="D26" s="152" t="s">
        <v>25</v>
      </c>
      <c r="E26" s="152"/>
      <c r="F26" s="55" t="s">
        <v>26</v>
      </c>
      <c r="G26" s="55"/>
      <c r="H26" s="56"/>
      <c r="I26" s="56"/>
      <c r="J26" s="56"/>
      <c r="K26" s="56"/>
      <c r="L26" s="116"/>
    </row>
    <row r="27" spans="3:12" ht="16" thickBot="1" x14ac:dyDescent="0.4">
      <c r="C27" s="150"/>
      <c r="D27" s="152" t="s">
        <v>27</v>
      </c>
      <c r="E27" s="152"/>
      <c r="F27" s="55" t="s">
        <v>28</v>
      </c>
      <c r="G27" s="55"/>
      <c r="H27" s="56"/>
      <c r="I27" s="56"/>
      <c r="J27" s="56"/>
      <c r="K27" s="56"/>
      <c r="L27" s="116"/>
    </row>
    <row r="28" spans="3:12" ht="16" thickBot="1" x14ac:dyDescent="0.4">
      <c r="C28" s="150"/>
      <c r="D28" s="152" t="s">
        <v>29</v>
      </c>
      <c r="E28" s="152"/>
      <c r="F28" s="55" t="s">
        <v>30</v>
      </c>
      <c r="G28" s="55"/>
      <c r="H28" s="56"/>
      <c r="I28" s="56"/>
      <c r="J28" s="56"/>
      <c r="K28" s="56"/>
      <c r="L28" s="116"/>
    </row>
    <row r="29" spans="3:12" ht="16" thickBot="1" x14ac:dyDescent="0.4">
      <c r="C29" s="150"/>
      <c r="D29" s="152" t="s">
        <v>31</v>
      </c>
      <c r="E29" s="152"/>
      <c r="F29" s="55" t="s">
        <v>32</v>
      </c>
      <c r="G29" s="55"/>
      <c r="H29" s="56"/>
      <c r="I29" s="56"/>
      <c r="J29" s="56"/>
      <c r="K29" s="56"/>
      <c r="L29" s="116"/>
    </row>
    <row r="30" spans="3:12" ht="16" thickBot="1" x14ac:dyDescent="0.4">
      <c r="C30" s="150"/>
      <c r="D30" s="152" t="s">
        <v>33</v>
      </c>
      <c r="E30" s="152"/>
      <c r="F30" s="55" t="s">
        <v>34</v>
      </c>
      <c r="G30" s="55"/>
      <c r="H30" s="56"/>
      <c r="I30" s="56"/>
      <c r="J30" s="56"/>
      <c r="K30" s="56"/>
      <c r="L30" s="116"/>
    </row>
    <row r="31" spans="3:12" ht="16" thickBot="1" x14ac:dyDescent="0.4">
      <c r="C31" s="150"/>
      <c r="D31" s="152" t="s">
        <v>35</v>
      </c>
      <c r="E31" s="152"/>
      <c r="F31" s="63" t="s">
        <v>36</v>
      </c>
      <c r="G31" s="55"/>
      <c r="H31" s="56"/>
      <c r="I31" s="56"/>
      <c r="J31" s="56"/>
      <c r="K31" s="56"/>
      <c r="L31" s="116"/>
    </row>
    <row r="32" spans="3:12" ht="16" thickBot="1" x14ac:dyDescent="0.4">
      <c r="C32" s="150"/>
      <c r="D32" s="152" t="s">
        <v>37</v>
      </c>
      <c r="E32" s="152"/>
      <c r="F32" s="55" t="s">
        <v>38</v>
      </c>
      <c r="G32" s="55"/>
      <c r="H32" s="56"/>
      <c r="I32" s="56"/>
      <c r="J32" s="56"/>
      <c r="K32" s="56"/>
      <c r="L32" s="116"/>
    </row>
    <row r="33" spans="3:12" ht="16" thickBot="1" x14ac:dyDescent="0.4">
      <c r="C33" s="150"/>
      <c r="D33" s="152" t="s">
        <v>39</v>
      </c>
      <c r="E33" s="152"/>
      <c r="F33" s="55" t="s">
        <v>40</v>
      </c>
      <c r="G33" s="55"/>
      <c r="H33" s="56"/>
      <c r="I33" s="56"/>
      <c r="J33" s="56"/>
      <c r="K33" s="56"/>
      <c r="L33" s="116"/>
    </row>
    <row r="34" spans="3:12" ht="16" thickBot="1" x14ac:dyDescent="0.4">
      <c r="C34" s="150"/>
      <c r="D34" s="152" t="s">
        <v>41</v>
      </c>
      <c r="E34" s="152"/>
      <c r="F34" s="55" t="s">
        <v>42</v>
      </c>
      <c r="G34" s="55"/>
      <c r="H34" s="56"/>
      <c r="I34" s="56"/>
      <c r="J34" s="56"/>
      <c r="K34" s="56"/>
      <c r="L34" s="116"/>
    </row>
    <row r="35" spans="3:12" ht="16" thickBot="1" x14ac:dyDescent="0.4">
      <c r="C35" s="150"/>
      <c r="D35" s="152" t="s">
        <v>43</v>
      </c>
      <c r="E35" s="152"/>
      <c r="F35" s="55" t="s">
        <v>44</v>
      </c>
      <c r="G35" s="55"/>
      <c r="H35" s="56"/>
      <c r="I35" s="56"/>
      <c r="J35" s="56"/>
      <c r="K35" s="56"/>
      <c r="L35" s="116"/>
    </row>
    <row r="36" spans="3:12" ht="16" thickBot="1" x14ac:dyDescent="0.4">
      <c r="C36" s="150"/>
      <c r="D36" s="153" t="s">
        <v>45</v>
      </c>
      <c r="E36" s="153"/>
      <c r="F36" s="112" t="s">
        <v>46</v>
      </c>
      <c r="G36" s="112"/>
      <c r="H36" s="40"/>
      <c r="I36" s="40"/>
      <c r="J36" s="40"/>
      <c r="K36" s="40"/>
      <c r="L36" s="117"/>
    </row>
    <row r="37" spans="3:12" ht="16" thickBot="1" x14ac:dyDescent="0.4">
      <c r="C37" s="154" t="s">
        <v>132</v>
      </c>
      <c r="D37" s="155" t="s">
        <v>47</v>
      </c>
      <c r="E37" s="155"/>
      <c r="F37" s="118" t="s">
        <v>48</v>
      </c>
      <c r="G37" s="118"/>
      <c r="H37" s="109"/>
      <c r="I37" s="109"/>
      <c r="J37" s="109"/>
      <c r="K37" s="109"/>
      <c r="L37" s="103"/>
    </row>
    <row r="38" spans="3:12" ht="16" thickBot="1" x14ac:dyDescent="0.4">
      <c r="C38" s="154"/>
      <c r="D38" s="156" t="s">
        <v>49</v>
      </c>
      <c r="E38" s="156"/>
      <c r="F38" s="59" t="s">
        <v>50</v>
      </c>
      <c r="G38" s="59"/>
      <c r="H38" s="56"/>
      <c r="I38" s="56"/>
      <c r="J38" s="56"/>
      <c r="K38" s="56"/>
      <c r="L38" s="104"/>
    </row>
    <row r="39" spans="3:12" ht="16" thickBot="1" x14ac:dyDescent="0.4">
      <c r="C39" s="154"/>
      <c r="D39" s="156" t="s">
        <v>51</v>
      </c>
      <c r="E39" s="156"/>
      <c r="F39" s="59" t="s">
        <v>52</v>
      </c>
      <c r="G39" s="59"/>
      <c r="H39" s="56"/>
      <c r="I39" s="56"/>
      <c r="J39" s="56"/>
      <c r="K39" s="56"/>
      <c r="L39" s="104"/>
    </row>
    <row r="40" spans="3:12" ht="16" thickBot="1" x14ac:dyDescent="0.4">
      <c r="C40" s="154"/>
      <c r="D40" s="156" t="s">
        <v>53</v>
      </c>
      <c r="E40" s="156"/>
      <c r="F40" s="59" t="s">
        <v>54</v>
      </c>
      <c r="G40" s="59"/>
      <c r="H40" s="56"/>
      <c r="I40" s="56"/>
      <c r="J40" s="56"/>
      <c r="K40" s="56"/>
      <c r="L40" s="104"/>
    </row>
    <row r="41" spans="3:12" ht="16" thickBot="1" x14ac:dyDescent="0.4">
      <c r="C41" s="154"/>
      <c r="D41" s="156" t="s">
        <v>55</v>
      </c>
      <c r="E41" s="156"/>
      <c r="F41" s="59" t="s">
        <v>56</v>
      </c>
      <c r="G41" s="59"/>
      <c r="H41" s="56"/>
      <c r="I41" s="56"/>
      <c r="J41" s="56"/>
      <c r="K41" s="56"/>
      <c r="L41" s="104"/>
    </row>
    <row r="42" spans="3:12" ht="20" customHeight="1" thickBot="1" x14ac:dyDescent="0.4">
      <c r="C42" s="154"/>
      <c r="D42" s="157" t="s">
        <v>57</v>
      </c>
      <c r="E42" s="157"/>
      <c r="F42" s="59" t="s">
        <v>133</v>
      </c>
      <c r="G42" s="59"/>
      <c r="H42" s="56"/>
      <c r="I42" s="56"/>
      <c r="J42" s="56"/>
      <c r="K42" s="56"/>
      <c r="L42" s="104"/>
    </row>
    <row r="43" spans="3:12" ht="16" thickBot="1" x14ac:dyDescent="0.4">
      <c r="C43" s="154"/>
      <c r="D43" s="158" t="s">
        <v>58</v>
      </c>
      <c r="E43" s="158"/>
      <c r="F43" s="119" t="s">
        <v>59</v>
      </c>
      <c r="G43" s="119"/>
      <c r="H43" s="40"/>
      <c r="I43" s="40"/>
      <c r="J43" s="40"/>
      <c r="K43" s="40"/>
      <c r="L43" s="106"/>
    </row>
    <row r="44" spans="3:12" ht="31.5" thickBot="1" x14ac:dyDescent="0.4">
      <c r="C44" s="64" t="s">
        <v>60</v>
      </c>
      <c r="D44" s="159" t="s">
        <v>61</v>
      </c>
      <c r="E44" s="159"/>
      <c r="F44" s="114" t="s">
        <v>62</v>
      </c>
      <c r="G44" s="114"/>
      <c r="H44" s="123"/>
      <c r="I44" s="123"/>
      <c r="J44" s="123"/>
      <c r="K44" s="123"/>
      <c r="L44" s="124"/>
    </row>
    <row r="45" spans="3:12" ht="16" thickBot="1" x14ac:dyDescent="0.4">
      <c r="C45" s="150" t="s">
        <v>138</v>
      </c>
      <c r="D45" s="151" t="s">
        <v>63</v>
      </c>
      <c r="E45" s="151"/>
      <c r="F45" s="108" t="s">
        <v>64</v>
      </c>
      <c r="G45" s="108"/>
      <c r="H45" s="109"/>
      <c r="I45" s="109"/>
      <c r="J45" s="109"/>
      <c r="K45" s="109"/>
      <c r="L45" s="110"/>
    </row>
    <row r="46" spans="3:12" ht="16" thickBot="1" x14ac:dyDescent="0.4">
      <c r="C46" s="150"/>
      <c r="D46" s="152" t="s">
        <v>65</v>
      </c>
      <c r="E46" s="152"/>
      <c r="F46" s="55" t="s">
        <v>66</v>
      </c>
      <c r="G46" s="55"/>
      <c r="H46" s="56"/>
      <c r="I46" s="56"/>
      <c r="J46" s="56"/>
      <c r="K46" s="56"/>
      <c r="L46" s="111"/>
    </row>
    <row r="47" spans="3:12" ht="16" thickBot="1" x14ac:dyDescent="0.4">
      <c r="C47" s="150"/>
      <c r="D47" s="152" t="s">
        <v>67</v>
      </c>
      <c r="E47" s="152"/>
      <c r="F47" s="55" t="s">
        <v>68</v>
      </c>
      <c r="G47" s="55"/>
      <c r="H47" s="56"/>
      <c r="I47" s="56"/>
      <c r="J47" s="56"/>
      <c r="K47" s="56"/>
      <c r="L47" s="111"/>
    </row>
    <row r="48" spans="3:12" ht="50.5" customHeight="1" thickBot="1" x14ac:dyDescent="0.4">
      <c r="C48" s="150"/>
      <c r="D48" s="152" t="s">
        <v>69</v>
      </c>
      <c r="E48" s="152"/>
      <c r="F48" s="55" t="s">
        <v>70</v>
      </c>
      <c r="G48" s="55"/>
      <c r="H48" s="56"/>
      <c r="I48" s="56"/>
      <c r="J48" s="56"/>
      <c r="K48" s="56"/>
      <c r="L48" s="111"/>
    </row>
    <row r="49" spans="3:12" ht="38" customHeight="1" thickBot="1" x14ac:dyDescent="0.4">
      <c r="C49" s="150"/>
      <c r="D49" s="152" t="s">
        <v>71</v>
      </c>
      <c r="E49" s="152"/>
      <c r="F49" s="55" t="s">
        <v>72</v>
      </c>
      <c r="G49" s="55"/>
      <c r="H49" s="56"/>
      <c r="I49" s="56"/>
      <c r="J49" s="56"/>
      <c r="K49" s="56"/>
      <c r="L49" s="111"/>
    </row>
    <row r="50" spans="3:12" ht="16" thickBot="1" x14ac:dyDescent="0.4">
      <c r="C50" s="150"/>
      <c r="D50" s="152" t="s">
        <v>73</v>
      </c>
      <c r="E50" s="152"/>
      <c r="F50" s="55" t="s">
        <v>74</v>
      </c>
      <c r="G50" s="55"/>
      <c r="H50" s="56"/>
      <c r="I50" s="56"/>
      <c r="J50" s="56"/>
      <c r="K50" s="56"/>
      <c r="L50" s="111"/>
    </row>
    <row r="51" spans="3:12" ht="16" thickBot="1" x14ac:dyDescent="0.4">
      <c r="C51" s="150"/>
      <c r="D51" s="152" t="s">
        <v>75</v>
      </c>
      <c r="E51" s="152"/>
      <c r="F51" s="55" t="s">
        <v>76</v>
      </c>
      <c r="G51" s="55"/>
      <c r="H51" s="56"/>
      <c r="I51" s="56"/>
      <c r="J51" s="56"/>
      <c r="K51" s="56"/>
      <c r="L51" s="111"/>
    </row>
    <row r="52" spans="3:12" ht="16" thickBot="1" x14ac:dyDescent="0.4">
      <c r="C52" s="150"/>
      <c r="D52" s="152" t="s">
        <v>77</v>
      </c>
      <c r="E52" s="152"/>
      <c r="F52" s="55" t="s">
        <v>76</v>
      </c>
      <c r="G52" s="55"/>
      <c r="H52" s="56"/>
      <c r="I52" s="56"/>
      <c r="J52" s="56"/>
      <c r="K52" s="56"/>
      <c r="L52" s="111"/>
    </row>
    <row r="53" spans="3:12" ht="16" thickBot="1" x14ac:dyDescent="0.4">
      <c r="C53" s="150"/>
      <c r="D53" s="152" t="s">
        <v>78</v>
      </c>
      <c r="E53" s="152"/>
      <c r="F53" s="55" t="s">
        <v>79</v>
      </c>
      <c r="G53" s="55"/>
      <c r="H53" s="56"/>
      <c r="I53" s="56"/>
      <c r="J53" s="56"/>
      <c r="K53" s="56"/>
      <c r="L53" s="111"/>
    </row>
    <row r="54" spans="3:12" ht="36" customHeight="1" thickBot="1" x14ac:dyDescent="0.4">
      <c r="C54" s="150"/>
      <c r="D54" s="152" t="s">
        <v>80</v>
      </c>
      <c r="E54" s="152"/>
      <c r="F54" s="55" t="s">
        <v>81</v>
      </c>
      <c r="G54" s="55"/>
      <c r="H54" s="56"/>
      <c r="I54" s="56"/>
      <c r="J54" s="56"/>
      <c r="K54" s="56"/>
      <c r="L54" s="111"/>
    </row>
    <row r="55" spans="3:12" ht="16" thickBot="1" x14ac:dyDescent="0.4">
      <c r="C55" s="150"/>
      <c r="D55" s="152" t="s">
        <v>82</v>
      </c>
      <c r="E55" s="152"/>
      <c r="F55" s="55" t="s">
        <v>83</v>
      </c>
      <c r="G55" s="55"/>
      <c r="H55" s="120"/>
      <c r="I55" s="120"/>
      <c r="J55" s="120"/>
      <c r="K55" s="120"/>
      <c r="L55" s="111"/>
    </row>
    <row r="56" spans="3:12" ht="16" thickBot="1" x14ac:dyDescent="0.4">
      <c r="C56" s="150"/>
      <c r="D56" s="152" t="s">
        <v>84</v>
      </c>
      <c r="E56" s="152"/>
      <c r="F56" s="55" t="s">
        <v>85</v>
      </c>
      <c r="G56" s="55"/>
      <c r="H56" s="120"/>
      <c r="I56" s="120"/>
      <c r="J56" s="120"/>
      <c r="K56" s="120"/>
      <c r="L56" s="111"/>
    </row>
    <row r="57" spans="3:12" ht="16" thickBot="1" x14ac:dyDescent="0.4">
      <c r="C57" s="150"/>
      <c r="D57" s="153" t="s">
        <v>86</v>
      </c>
      <c r="E57" s="153"/>
      <c r="F57" s="112" t="s">
        <v>87</v>
      </c>
      <c r="G57" s="112"/>
      <c r="H57" s="121"/>
      <c r="I57" s="121"/>
      <c r="J57" s="121"/>
      <c r="K57" s="121"/>
      <c r="L57" s="113"/>
    </row>
    <row r="58" spans="3:12" ht="45.5" customHeight="1" thickBot="1" x14ac:dyDescent="0.4">
      <c r="C58" s="65" t="s">
        <v>88</v>
      </c>
      <c r="D58" s="198" t="s">
        <v>89</v>
      </c>
      <c r="E58" s="198"/>
      <c r="F58" s="107" t="s">
        <v>90</v>
      </c>
      <c r="G58" s="100"/>
      <c r="H58" s="122"/>
      <c r="I58" s="122"/>
      <c r="J58" s="122"/>
      <c r="K58" s="122"/>
      <c r="L58" s="101"/>
    </row>
    <row r="59" spans="3:12" ht="32" customHeight="1" thickBot="1" x14ac:dyDescent="0.4">
      <c r="C59" s="199" t="s">
        <v>91</v>
      </c>
      <c r="D59" s="200" t="s">
        <v>92</v>
      </c>
      <c r="E59" s="200"/>
      <c r="F59" s="102" t="s">
        <v>93</v>
      </c>
      <c r="G59" s="102"/>
      <c r="H59" s="125"/>
      <c r="I59" s="125"/>
      <c r="J59" s="125"/>
      <c r="K59" s="125"/>
      <c r="L59" s="126"/>
    </row>
    <row r="60" spans="3:12" ht="37" customHeight="1" thickBot="1" x14ac:dyDescent="0.4">
      <c r="C60" s="199"/>
      <c r="D60" s="201" t="s">
        <v>94</v>
      </c>
      <c r="E60" s="201"/>
      <c r="F60" s="58" t="s">
        <v>95</v>
      </c>
      <c r="G60" s="58"/>
      <c r="H60" s="127"/>
      <c r="I60" s="127"/>
      <c r="J60" s="127"/>
      <c r="K60" s="127"/>
      <c r="L60" s="128"/>
    </row>
    <row r="61" spans="3:12" ht="37" customHeight="1" thickBot="1" x14ac:dyDescent="0.4">
      <c r="C61" s="199"/>
      <c r="D61" s="201" t="s">
        <v>96</v>
      </c>
      <c r="E61" s="201"/>
      <c r="F61" s="58" t="s">
        <v>97</v>
      </c>
      <c r="G61" s="58"/>
      <c r="H61" s="127"/>
      <c r="I61" s="127"/>
      <c r="J61" s="127"/>
      <c r="K61" s="127"/>
      <c r="L61" s="128"/>
    </row>
    <row r="62" spans="3:12" ht="49" customHeight="1" thickBot="1" x14ac:dyDescent="0.4">
      <c r="C62" s="199"/>
      <c r="D62" s="202" t="s">
        <v>98</v>
      </c>
      <c r="E62" s="202"/>
      <c r="F62" s="105" t="s">
        <v>99</v>
      </c>
      <c r="G62" s="105"/>
      <c r="H62" s="129"/>
      <c r="I62" s="129"/>
      <c r="J62" s="129"/>
      <c r="K62" s="129"/>
      <c r="L62" s="130"/>
    </row>
    <row r="63" spans="3:12" ht="38" customHeight="1" thickBot="1" x14ac:dyDescent="0.4">
      <c r="C63" s="98" t="s">
        <v>100</v>
      </c>
      <c r="D63" s="197" t="s">
        <v>126</v>
      </c>
      <c r="E63" s="197"/>
      <c r="F63" s="99" t="s">
        <v>144</v>
      </c>
      <c r="G63" s="100"/>
      <c r="H63" s="122"/>
      <c r="I63" s="122"/>
      <c r="J63" s="122"/>
      <c r="K63" s="122"/>
      <c r="L63" s="101"/>
    </row>
    <row r="64" spans="3:12" ht="16" thickBot="1" x14ac:dyDescent="0.4">
      <c r="C64" s="131"/>
      <c r="D64" s="132"/>
      <c r="E64" s="131"/>
      <c r="F64" s="131"/>
      <c r="G64" s="133"/>
      <c r="H64" s="76"/>
      <c r="I64" s="76"/>
      <c r="J64" s="76"/>
      <c r="K64" s="76"/>
      <c r="L64" s="76"/>
    </row>
    <row r="65" spans="1:43" ht="21.5" thickBot="1" x14ac:dyDescent="0.4">
      <c r="C65" s="174" t="s">
        <v>125</v>
      </c>
      <c r="D65" s="175"/>
      <c r="E65" s="175"/>
      <c r="F65" s="175"/>
      <c r="G65" s="175"/>
      <c r="H65" s="175"/>
      <c r="I65" s="175"/>
      <c r="J65" s="175"/>
      <c r="K65" s="175"/>
      <c r="L65" s="176"/>
    </row>
    <row r="66" spans="1:43" ht="58.5" thickBot="1" x14ac:dyDescent="0.4">
      <c r="C66" s="66" t="s">
        <v>122</v>
      </c>
      <c r="D66" s="192" t="s">
        <v>121</v>
      </c>
      <c r="E66" s="193"/>
      <c r="F66" s="66" t="s">
        <v>120</v>
      </c>
      <c r="G66" s="66" t="s">
        <v>124</v>
      </c>
      <c r="H66" s="52" t="s">
        <v>206</v>
      </c>
      <c r="I66" s="52" t="s">
        <v>207</v>
      </c>
      <c r="J66" s="53" t="s">
        <v>208</v>
      </c>
      <c r="K66" s="53" t="s">
        <v>213</v>
      </c>
      <c r="L66" s="54" t="s">
        <v>123</v>
      </c>
    </row>
    <row r="67" spans="1:43" ht="35.5" customHeight="1" thickBot="1" x14ac:dyDescent="0.4">
      <c r="C67" s="154" t="s">
        <v>101</v>
      </c>
      <c r="D67" s="155" t="s">
        <v>102</v>
      </c>
      <c r="E67" s="155"/>
      <c r="F67" s="91" t="s">
        <v>24</v>
      </c>
      <c r="G67" s="90"/>
      <c r="H67" s="92"/>
      <c r="I67" s="92"/>
      <c r="J67" s="92"/>
      <c r="K67" s="92"/>
      <c r="L67" s="93"/>
    </row>
    <row r="68" spans="1:43" ht="16" thickBot="1" x14ac:dyDescent="0.4">
      <c r="C68" s="154"/>
      <c r="D68" s="156" t="s">
        <v>103</v>
      </c>
      <c r="E68" s="156"/>
      <c r="F68" s="62" t="s">
        <v>36</v>
      </c>
      <c r="G68" s="67"/>
      <c r="H68" s="60"/>
      <c r="I68" s="60"/>
      <c r="J68" s="60"/>
      <c r="K68" s="60"/>
      <c r="L68" s="94"/>
    </row>
    <row r="69" spans="1:43" ht="37" customHeight="1" thickBot="1" x14ac:dyDescent="0.4">
      <c r="C69" s="154"/>
      <c r="D69" s="156" t="s">
        <v>104</v>
      </c>
      <c r="E69" s="156"/>
      <c r="F69" s="62" t="s">
        <v>4</v>
      </c>
      <c r="G69" s="67"/>
      <c r="H69" s="60"/>
      <c r="I69" s="60"/>
      <c r="J69" s="60"/>
      <c r="K69" s="60"/>
      <c r="L69" s="94"/>
    </row>
    <row r="70" spans="1:43" ht="16" thickBot="1" x14ac:dyDescent="0.4">
      <c r="C70" s="154"/>
      <c r="D70" s="156" t="s">
        <v>105</v>
      </c>
      <c r="E70" s="156"/>
      <c r="F70" s="62" t="s">
        <v>32</v>
      </c>
      <c r="G70" s="67"/>
      <c r="H70" s="60"/>
      <c r="I70" s="60"/>
      <c r="J70" s="60"/>
      <c r="K70" s="60"/>
      <c r="L70" s="94"/>
    </row>
    <row r="71" spans="1:43" ht="16" thickBot="1" x14ac:dyDescent="0.4">
      <c r="C71" s="154"/>
      <c r="D71" s="156" t="s">
        <v>67</v>
      </c>
      <c r="E71" s="156"/>
      <c r="F71" s="62" t="s">
        <v>68</v>
      </c>
      <c r="G71" s="67"/>
      <c r="H71" s="60"/>
      <c r="I71" s="60"/>
      <c r="J71" s="60"/>
      <c r="K71" s="60"/>
      <c r="L71" s="94"/>
    </row>
    <row r="72" spans="1:43" ht="22.5" customHeight="1" thickBot="1" x14ac:dyDescent="0.4">
      <c r="C72" s="154"/>
      <c r="D72" s="158" t="s">
        <v>143</v>
      </c>
      <c r="E72" s="158"/>
      <c r="F72" s="95" t="s">
        <v>144</v>
      </c>
      <c r="G72" s="95"/>
      <c r="H72" s="96"/>
      <c r="I72" s="96"/>
      <c r="J72" s="96"/>
      <c r="K72" s="96"/>
      <c r="L72" s="97"/>
    </row>
    <row r="73" spans="1:43" s="3" customFormat="1" ht="15.5" x14ac:dyDescent="0.35">
      <c r="A73" s="147"/>
      <c r="B73" s="147"/>
      <c r="D73" s="6"/>
      <c r="H73" s="76"/>
      <c r="I73" s="76"/>
      <c r="J73" s="76"/>
      <c r="K73" s="76"/>
      <c r="M73" s="76"/>
      <c r="N73" s="147"/>
      <c r="O73" s="147"/>
      <c r="P73" s="147"/>
      <c r="Q73" s="147"/>
      <c r="R73" s="147"/>
      <c r="S73" s="147"/>
      <c r="T73" s="147"/>
      <c r="U73" s="147"/>
      <c r="V73" s="147"/>
      <c r="W73" s="147"/>
      <c r="X73" s="147"/>
      <c r="Y73" s="147"/>
      <c r="Z73" s="147"/>
      <c r="AA73" s="147"/>
      <c r="AB73" s="147"/>
      <c r="AC73" s="147"/>
      <c r="AD73" s="147"/>
      <c r="AE73" s="147"/>
      <c r="AF73" s="147"/>
      <c r="AG73" s="147"/>
      <c r="AH73" s="147"/>
      <c r="AI73" s="147"/>
      <c r="AJ73" s="147"/>
      <c r="AK73" s="147"/>
      <c r="AL73" s="147"/>
      <c r="AM73" s="147"/>
      <c r="AN73" s="147"/>
      <c r="AO73" s="147"/>
      <c r="AP73" s="147"/>
      <c r="AQ73" s="147"/>
    </row>
    <row r="74" spans="1:43" ht="16" thickBot="1" x14ac:dyDescent="0.4">
      <c r="C74" s="1"/>
      <c r="D74" s="6"/>
      <c r="E74" s="1"/>
      <c r="F74" s="4"/>
      <c r="G74" s="2"/>
      <c r="H74" s="76"/>
      <c r="I74" s="76"/>
      <c r="J74" s="76"/>
      <c r="K74" s="76"/>
    </row>
    <row r="75" spans="1:43" ht="21.5" thickBot="1" x14ac:dyDescent="0.4">
      <c r="C75" s="181" t="s">
        <v>141</v>
      </c>
      <c r="D75" s="182"/>
      <c r="E75" s="182"/>
      <c r="F75" s="182"/>
      <c r="G75" s="7" t="s">
        <v>119</v>
      </c>
      <c r="H75" s="88"/>
      <c r="I75" s="88"/>
      <c r="J75" s="88"/>
      <c r="K75" s="88"/>
      <c r="L75" s="10" t="s">
        <v>123</v>
      </c>
    </row>
    <row r="76" spans="1:43" ht="40" customHeight="1" x14ac:dyDescent="0.35">
      <c r="C76" s="194" t="s">
        <v>106</v>
      </c>
      <c r="D76" s="184" t="s">
        <v>107</v>
      </c>
      <c r="E76" s="177" t="s">
        <v>108</v>
      </c>
      <c r="F76" s="177"/>
      <c r="G76" s="82"/>
      <c r="H76" s="83"/>
      <c r="I76" s="83"/>
      <c r="J76" s="83"/>
      <c r="K76" s="83"/>
      <c r="L76" s="84"/>
    </row>
    <row r="77" spans="1:43" ht="38.5" customHeight="1" x14ac:dyDescent="0.35">
      <c r="C77" s="195"/>
      <c r="D77" s="180"/>
      <c r="E77" s="178" t="s">
        <v>127</v>
      </c>
      <c r="F77" s="178"/>
      <c r="G77" s="74"/>
      <c r="H77" s="76"/>
      <c r="I77" s="76"/>
      <c r="J77" s="76"/>
      <c r="K77" s="76"/>
      <c r="L77" s="85"/>
    </row>
    <row r="78" spans="1:43" ht="21" customHeight="1" x14ac:dyDescent="0.35">
      <c r="C78" s="195"/>
      <c r="D78" s="179" t="s">
        <v>109</v>
      </c>
      <c r="E78" s="179" t="s">
        <v>110</v>
      </c>
      <c r="F78" s="179"/>
      <c r="G78" s="75"/>
      <c r="H78" s="76"/>
      <c r="I78" s="76"/>
      <c r="J78" s="76"/>
      <c r="K78" s="76"/>
      <c r="L78" s="86"/>
    </row>
    <row r="79" spans="1:43" ht="24" customHeight="1" x14ac:dyDescent="0.35">
      <c r="C79" s="195"/>
      <c r="D79" s="179"/>
      <c r="E79" s="179" t="s">
        <v>111</v>
      </c>
      <c r="F79" s="179"/>
      <c r="G79" s="75"/>
      <c r="H79" s="76"/>
      <c r="I79" s="76"/>
      <c r="J79" s="76"/>
      <c r="K79" s="76"/>
      <c r="L79" s="86"/>
    </row>
    <row r="80" spans="1:43" ht="22.5" customHeight="1" x14ac:dyDescent="0.35">
      <c r="C80" s="195"/>
      <c r="D80" s="179"/>
      <c r="E80" s="179" t="s">
        <v>112</v>
      </c>
      <c r="F80" s="179"/>
      <c r="G80" s="75"/>
      <c r="H80" s="76"/>
      <c r="I80" s="76"/>
      <c r="J80" s="76"/>
      <c r="K80" s="76"/>
      <c r="L80" s="86"/>
    </row>
    <row r="81" spans="3:12" ht="25" customHeight="1" x14ac:dyDescent="0.35">
      <c r="C81" s="195"/>
      <c r="D81" s="73" t="s">
        <v>113</v>
      </c>
      <c r="E81" s="180" t="s">
        <v>114</v>
      </c>
      <c r="F81" s="180"/>
      <c r="G81" s="74"/>
      <c r="H81" s="76"/>
      <c r="I81" s="76"/>
      <c r="J81" s="76"/>
      <c r="K81" s="76"/>
      <c r="L81" s="86"/>
    </row>
    <row r="82" spans="3:12" ht="20.5" customHeight="1" x14ac:dyDescent="0.35">
      <c r="C82" s="195"/>
      <c r="D82" s="179" t="s">
        <v>115</v>
      </c>
      <c r="E82" s="179" t="s">
        <v>116</v>
      </c>
      <c r="F82" s="179"/>
      <c r="G82" s="75"/>
      <c r="H82" s="76"/>
      <c r="I82" s="76"/>
      <c r="J82" s="76"/>
      <c r="K82" s="76"/>
      <c r="L82" s="86"/>
    </row>
    <row r="83" spans="3:12" ht="21.5" customHeight="1" thickBot="1" x14ac:dyDescent="0.4">
      <c r="C83" s="196"/>
      <c r="D83" s="183"/>
      <c r="E83" s="183" t="s">
        <v>117</v>
      </c>
      <c r="F83" s="183"/>
      <c r="G83" s="81"/>
      <c r="H83" s="80"/>
      <c r="I83" s="80"/>
      <c r="J83" s="80"/>
      <c r="K83" s="80"/>
      <c r="L83" s="87"/>
    </row>
    <row r="84" spans="3:12" ht="31.5" thickBot="1" x14ac:dyDescent="0.4">
      <c r="C84" s="163" t="s">
        <v>130</v>
      </c>
      <c r="D84" s="77" t="s">
        <v>128</v>
      </c>
      <c r="E84" s="160" t="s">
        <v>118</v>
      </c>
      <c r="F84" s="160"/>
      <c r="G84" s="78"/>
      <c r="H84" s="76"/>
      <c r="I84" s="76"/>
      <c r="J84" s="76"/>
      <c r="K84" s="76"/>
      <c r="L84" s="79"/>
    </row>
    <row r="85" spans="3:12" ht="21.5" thickBot="1" x14ac:dyDescent="0.55000000000000004">
      <c r="C85" s="163"/>
      <c r="D85" s="68"/>
      <c r="E85" s="69"/>
      <c r="F85" s="70"/>
      <c r="G85" s="71" t="s">
        <v>142</v>
      </c>
      <c r="H85" s="88"/>
      <c r="I85" s="88"/>
      <c r="J85" s="88"/>
      <c r="K85" s="88"/>
      <c r="L85" s="72" t="s">
        <v>123</v>
      </c>
    </row>
    <row r="86" spans="3:12" ht="129.5" customHeight="1" thickBot="1" x14ac:dyDescent="0.4">
      <c r="C86" s="164"/>
      <c r="D86" s="11" t="s">
        <v>129</v>
      </c>
      <c r="E86" s="161" t="s">
        <v>131</v>
      </c>
      <c r="F86" s="162"/>
      <c r="G86" s="14"/>
      <c r="H86" s="89"/>
      <c r="I86" s="89"/>
      <c r="J86" s="89"/>
      <c r="K86" s="89"/>
      <c r="L86" s="13"/>
    </row>
    <row r="87" spans="3:12" s="76" customFormat="1" x14ac:dyDescent="0.35">
      <c r="D87" s="139"/>
    </row>
    <row r="88" spans="3:12" s="76" customFormat="1" x14ac:dyDescent="0.35">
      <c r="D88" s="139"/>
    </row>
    <row r="89" spans="3:12" s="76" customFormat="1" x14ac:dyDescent="0.35">
      <c r="D89" s="139"/>
    </row>
    <row r="90" spans="3:12" s="76" customFormat="1" x14ac:dyDescent="0.35">
      <c r="D90" s="139"/>
    </row>
    <row r="91" spans="3:12" s="76" customFormat="1" x14ac:dyDescent="0.35">
      <c r="D91" s="139"/>
    </row>
    <row r="92" spans="3:12" s="76" customFormat="1" x14ac:dyDescent="0.35">
      <c r="D92" s="139"/>
    </row>
    <row r="93" spans="3:12" s="76" customFormat="1" x14ac:dyDescent="0.35">
      <c r="D93" s="139"/>
    </row>
    <row r="94" spans="3:12" s="76" customFormat="1" x14ac:dyDescent="0.35">
      <c r="D94" s="139"/>
    </row>
    <row r="95" spans="3:12" s="76" customFormat="1" x14ac:dyDescent="0.35">
      <c r="D95" s="139"/>
    </row>
    <row r="96" spans="3:12" s="76" customFormat="1" x14ac:dyDescent="0.35">
      <c r="D96" s="139"/>
    </row>
    <row r="97" spans="4:4" s="76" customFormat="1" x14ac:dyDescent="0.35">
      <c r="D97" s="139"/>
    </row>
    <row r="98" spans="4:4" s="76" customFormat="1" x14ac:dyDescent="0.35">
      <c r="D98" s="139"/>
    </row>
    <row r="99" spans="4:4" s="76" customFormat="1" x14ac:dyDescent="0.35">
      <c r="D99" s="139"/>
    </row>
    <row r="100" spans="4:4" s="76" customFormat="1" x14ac:dyDescent="0.35">
      <c r="D100" s="139"/>
    </row>
    <row r="101" spans="4:4" s="76" customFormat="1" x14ac:dyDescent="0.35">
      <c r="D101" s="139"/>
    </row>
    <row r="102" spans="4:4" s="76" customFormat="1" x14ac:dyDescent="0.35">
      <c r="D102" s="139"/>
    </row>
    <row r="103" spans="4:4" s="76" customFormat="1" x14ac:dyDescent="0.35">
      <c r="D103" s="139"/>
    </row>
    <row r="104" spans="4:4" s="76" customFormat="1" x14ac:dyDescent="0.35">
      <c r="D104" s="139"/>
    </row>
    <row r="105" spans="4:4" s="76" customFormat="1" x14ac:dyDescent="0.35">
      <c r="D105" s="139"/>
    </row>
    <row r="106" spans="4:4" s="76" customFormat="1" x14ac:dyDescent="0.35">
      <c r="D106" s="139"/>
    </row>
    <row r="107" spans="4:4" s="76" customFormat="1" x14ac:dyDescent="0.35">
      <c r="D107" s="139"/>
    </row>
    <row r="108" spans="4:4" s="76" customFormat="1" x14ac:dyDescent="0.35">
      <c r="D108" s="139"/>
    </row>
    <row r="109" spans="4:4" s="76" customFormat="1" x14ac:dyDescent="0.35">
      <c r="D109" s="139"/>
    </row>
    <row r="110" spans="4:4" s="76" customFormat="1" x14ac:dyDescent="0.35">
      <c r="D110" s="139"/>
    </row>
    <row r="111" spans="4:4" s="76" customFormat="1" x14ac:dyDescent="0.35">
      <c r="D111" s="139"/>
    </row>
    <row r="112" spans="4:4" s="76" customFormat="1" x14ac:dyDescent="0.35">
      <c r="D112" s="139"/>
    </row>
    <row r="113" spans="4:4" s="76" customFormat="1" x14ac:dyDescent="0.35">
      <c r="D113" s="139"/>
    </row>
    <row r="114" spans="4:4" s="76" customFormat="1" x14ac:dyDescent="0.35">
      <c r="D114" s="139"/>
    </row>
    <row r="115" spans="4:4" s="76" customFormat="1" x14ac:dyDescent="0.35">
      <c r="D115" s="139"/>
    </row>
    <row r="116" spans="4:4" s="76" customFormat="1" x14ac:dyDescent="0.35">
      <c r="D116" s="139"/>
    </row>
    <row r="117" spans="4:4" s="76" customFormat="1" x14ac:dyDescent="0.35">
      <c r="D117" s="139"/>
    </row>
    <row r="118" spans="4:4" s="76" customFormat="1" x14ac:dyDescent="0.35">
      <c r="D118" s="139"/>
    </row>
    <row r="119" spans="4:4" s="76" customFormat="1" x14ac:dyDescent="0.35">
      <c r="D119" s="139"/>
    </row>
    <row r="120" spans="4:4" s="76" customFormat="1" x14ac:dyDescent="0.35">
      <c r="D120" s="139"/>
    </row>
    <row r="121" spans="4:4" s="76" customFormat="1" x14ac:dyDescent="0.35">
      <c r="D121" s="139"/>
    </row>
    <row r="122" spans="4:4" s="76" customFormat="1" x14ac:dyDescent="0.35">
      <c r="D122" s="139"/>
    </row>
    <row r="123" spans="4:4" s="76" customFormat="1" x14ac:dyDescent="0.35">
      <c r="D123" s="139"/>
    </row>
    <row r="124" spans="4:4" s="76" customFormat="1" x14ac:dyDescent="0.35">
      <c r="D124" s="139"/>
    </row>
    <row r="125" spans="4:4" s="76" customFormat="1" x14ac:dyDescent="0.35">
      <c r="D125" s="139"/>
    </row>
    <row r="126" spans="4:4" s="76" customFormat="1" x14ac:dyDescent="0.35">
      <c r="D126" s="139"/>
    </row>
    <row r="127" spans="4:4" s="76" customFormat="1" x14ac:dyDescent="0.35">
      <c r="D127" s="139"/>
    </row>
    <row r="128" spans="4:4" s="76" customFormat="1" x14ac:dyDescent="0.35">
      <c r="D128" s="139"/>
    </row>
    <row r="129" spans="4:4" s="76" customFormat="1" x14ac:dyDescent="0.35">
      <c r="D129" s="139"/>
    </row>
    <row r="130" spans="4:4" s="76" customFormat="1" x14ac:dyDescent="0.35">
      <c r="D130" s="139"/>
    </row>
    <row r="131" spans="4:4" s="76" customFormat="1" x14ac:dyDescent="0.35">
      <c r="D131" s="139"/>
    </row>
    <row r="132" spans="4:4" s="76" customFormat="1" x14ac:dyDescent="0.35">
      <c r="D132" s="139"/>
    </row>
    <row r="133" spans="4:4" s="76" customFormat="1" x14ac:dyDescent="0.35">
      <c r="D133" s="139"/>
    </row>
    <row r="134" spans="4:4" s="76" customFormat="1" x14ac:dyDescent="0.35">
      <c r="D134" s="139"/>
    </row>
    <row r="135" spans="4:4" s="76" customFormat="1" x14ac:dyDescent="0.35">
      <c r="D135" s="139"/>
    </row>
    <row r="136" spans="4:4" s="76" customFormat="1" x14ac:dyDescent="0.35">
      <c r="D136" s="139"/>
    </row>
    <row r="137" spans="4:4" s="76" customFormat="1" x14ac:dyDescent="0.35">
      <c r="D137" s="139"/>
    </row>
    <row r="138" spans="4:4" s="76" customFormat="1" x14ac:dyDescent="0.35">
      <c r="D138" s="139"/>
    </row>
    <row r="139" spans="4:4" s="76" customFormat="1" x14ac:dyDescent="0.35">
      <c r="D139" s="139"/>
    </row>
    <row r="140" spans="4:4" s="76" customFormat="1" x14ac:dyDescent="0.35">
      <c r="D140" s="139"/>
    </row>
    <row r="141" spans="4:4" s="76" customFormat="1" x14ac:dyDescent="0.35">
      <c r="D141" s="139"/>
    </row>
    <row r="142" spans="4:4" s="76" customFormat="1" x14ac:dyDescent="0.35">
      <c r="D142" s="139"/>
    </row>
    <row r="143" spans="4:4" s="76" customFormat="1" x14ac:dyDescent="0.35">
      <c r="D143" s="139"/>
    </row>
    <row r="144" spans="4:4" s="76" customFormat="1" x14ac:dyDescent="0.35">
      <c r="D144" s="139"/>
    </row>
    <row r="145" spans="4:4" s="76" customFormat="1" x14ac:dyDescent="0.35">
      <c r="D145" s="139"/>
    </row>
    <row r="146" spans="4:4" s="76" customFormat="1" x14ac:dyDescent="0.35">
      <c r="D146" s="139"/>
    </row>
    <row r="147" spans="4:4" s="76" customFormat="1" x14ac:dyDescent="0.35">
      <c r="D147" s="139"/>
    </row>
    <row r="148" spans="4:4" s="76" customFormat="1" x14ac:dyDescent="0.35">
      <c r="D148" s="139"/>
    </row>
    <row r="149" spans="4:4" s="76" customFormat="1" x14ac:dyDescent="0.35">
      <c r="D149" s="139"/>
    </row>
    <row r="150" spans="4:4" s="76" customFormat="1" x14ac:dyDescent="0.35">
      <c r="D150" s="139"/>
    </row>
    <row r="151" spans="4:4" s="76" customFormat="1" x14ac:dyDescent="0.35">
      <c r="D151" s="139"/>
    </row>
    <row r="152" spans="4:4" s="76" customFormat="1" x14ac:dyDescent="0.35">
      <c r="D152" s="139"/>
    </row>
    <row r="153" spans="4:4" s="76" customFormat="1" x14ac:dyDescent="0.35">
      <c r="D153" s="139"/>
    </row>
    <row r="154" spans="4:4" s="76" customFormat="1" x14ac:dyDescent="0.35">
      <c r="D154" s="139"/>
    </row>
    <row r="155" spans="4:4" s="76" customFormat="1" x14ac:dyDescent="0.35">
      <c r="D155" s="139"/>
    </row>
    <row r="156" spans="4:4" s="76" customFormat="1" x14ac:dyDescent="0.35">
      <c r="D156" s="139"/>
    </row>
    <row r="157" spans="4:4" s="76" customFormat="1" x14ac:dyDescent="0.35">
      <c r="D157" s="139"/>
    </row>
    <row r="158" spans="4:4" s="76" customFormat="1" x14ac:dyDescent="0.35">
      <c r="D158" s="139"/>
    </row>
    <row r="159" spans="4:4" s="76" customFormat="1" x14ac:dyDescent="0.35">
      <c r="D159" s="139"/>
    </row>
    <row r="160" spans="4:4" s="76" customFormat="1" x14ac:dyDescent="0.35">
      <c r="D160" s="139"/>
    </row>
    <row r="161" spans="4:4" s="76" customFormat="1" x14ac:dyDescent="0.35">
      <c r="D161" s="139"/>
    </row>
    <row r="162" spans="4:4" s="76" customFormat="1" x14ac:dyDescent="0.35">
      <c r="D162" s="139"/>
    </row>
    <row r="163" spans="4:4" s="76" customFormat="1" x14ac:dyDescent="0.35">
      <c r="D163" s="139"/>
    </row>
    <row r="164" spans="4:4" s="76" customFormat="1" x14ac:dyDescent="0.35">
      <c r="D164" s="139"/>
    </row>
    <row r="165" spans="4:4" s="76" customFormat="1" x14ac:dyDescent="0.35">
      <c r="D165" s="139"/>
    </row>
    <row r="166" spans="4:4" s="76" customFormat="1" x14ac:dyDescent="0.35">
      <c r="D166" s="139"/>
    </row>
    <row r="167" spans="4:4" s="76" customFormat="1" x14ac:dyDescent="0.35">
      <c r="D167" s="139"/>
    </row>
    <row r="168" spans="4:4" s="76" customFormat="1" x14ac:dyDescent="0.35">
      <c r="D168" s="139"/>
    </row>
    <row r="169" spans="4:4" s="76" customFormat="1" x14ac:dyDescent="0.35">
      <c r="D169" s="139"/>
    </row>
    <row r="170" spans="4:4" s="76" customFormat="1" x14ac:dyDescent="0.35">
      <c r="D170" s="139"/>
    </row>
    <row r="171" spans="4:4" s="76" customFormat="1" x14ac:dyDescent="0.35">
      <c r="D171" s="139"/>
    </row>
    <row r="172" spans="4:4" s="76" customFormat="1" x14ac:dyDescent="0.35">
      <c r="D172" s="139"/>
    </row>
    <row r="173" spans="4:4" s="76" customFormat="1" x14ac:dyDescent="0.35">
      <c r="D173" s="139"/>
    </row>
    <row r="174" spans="4:4" s="76" customFormat="1" x14ac:dyDescent="0.35">
      <c r="D174" s="139"/>
    </row>
    <row r="175" spans="4:4" s="76" customFormat="1" x14ac:dyDescent="0.35">
      <c r="D175" s="139"/>
    </row>
    <row r="176" spans="4:4" s="76" customFormat="1" x14ac:dyDescent="0.35">
      <c r="D176" s="139"/>
    </row>
    <row r="177" spans="4:4" s="76" customFormat="1" x14ac:dyDescent="0.35">
      <c r="D177" s="139"/>
    </row>
    <row r="178" spans="4:4" s="76" customFormat="1" x14ac:dyDescent="0.35">
      <c r="D178" s="139"/>
    </row>
    <row r="179" spans="4:4" s="76" customFormat="1" x14ac:dyDescent="0.35">
      <c r="D179" s="139"/>
    </row>
    <row r="180" spans="4:4" s="76" customFormat="1" x14ac:dyDescent="0.35">
      <c r="D180" s="139"/>
    </row>
    <row r="181" spans="4:4" s="76" customFormat="1" x14ac:dyDescent="0.35">
      <c r="D181" s="139"/>
    </row>
    <row r="182" spans="4:4" s="76" customFormat="1" x14ac:dyDescent="0.35">
      <c r="D182" s="139"/>
    </row>
    <row r="183" spans="4:4" s="76" customFormat="1" x14ac:dyDescent="0.35">
      <c r="D183" s="139"/>
    </row>
    <row r="184" spans="4:4" s="76" customFormat="1" x14ac:dyDescent="0.35">
      <c r="D184" s="139"/>
    </row>
    <row r="185" spans="4:4" s="76" customFormat="1" x14ac:dyDescent="0.35">
      <c r="D185" s="139"/>
    </row>
    <row r="186" spans="4:4" s="76" customFormat="1" x14ac:dyDescent="0.35">
      <c r="D186" s="139"/>
    </row>
    <row r="187" spans="4:4" s="76" customFormat="1" x14ac:dyDescent="0.35">
      <c r="D187" s="139"/>
    </row>
    <row r="188" spans="4:4" s="76" customFormat="1" x14ac:dyDescent="0.35">
      <c r="D188" s="139"/>
    </row>
    <row r="189" spans="4:4" s="76" customFormat="1" x14ac:dyDescent="0.35">
      <c r="D189" s="139"/>
    </row>
    <row r="190" spans="4:4" s="76" customFormat="1" x14ac:dyDescent="0.35">
      <c r="D190" s="139"/>
    </row>
    <row r="191" spans="4:4" s="76" customFormat="1" x14ac:dyDescent="0.35">
      <c r="D191" s="139"/>
    </row>
    <row r="192" spans="4:4" s="76" customFormat="1" x14ac:dyDescent="0.35">
      <c r="D192" s="139"/>
    </row>
    <row r="193" spans="4:4" s="76" customFormat="1" x14ac:dyDescent="0.35">
      <c r="D193" s="139"/>
    </row>
    <row r="194" spans="4:4" s="76" customFormat="1" x14ac:dyDescent="0.35">
      <c r="D194" s="139"/>
    </row>
    <row r="195" spans="4:4" s="76" customFormat="1" x14ac:dyDescent="0.35">
      <c r="D195" s="139"/>
    </row>
    <row r="196" spans="4:4" s="76" customFormat="1" x14ac:dyDescent="0.35">
      <c r="D196" s="139"/>
    </row>
    <row r="197" spans="4:4" s="76" customFormat="1" x14ac:dyDescent="0.35">
      <c r="D197" s="139"/>
    </row>
    <row r="198" spans="4:4" s="76" customFormat="1" x14ac:dyDescent="0.35">
      <c r="D198" s="139"/>
    </row>
    <row r="199" spans="4:4" s="76" customFormat="1" x14ac:dyDescent="0.35">
      <c r="D199" s="139"/>
    </row>
    <row r="200" spans="4:4" s="76" customFormat="1" x14ac:dyDescent="0.35">
      <c r="D200" s="139"/>
    </row>
    <row r="201" spans="4:4" s="76" customFormat="1" x14ac:dyDescent="0.35">
      <c r="D201" s="139"/>
    </row>
    <row r="202" spans="4:4" s="76" customFormat="1" x14ac:dyDescent="0.35">
      <c r="D202" s="139"/>
    </row>
    <row r="203" spans="4:4" s="76" customFormat="1" x14ac:dyDescent="0.35">
      <c r="D203" s="139"/>
    </row>
    <row r="204" spans="4:4" s="76" customFormat="1" x14ac:dyDescent="0.35">
      <c r="D204" s="139"/>
    </row>
    <row r="205" spans="4:4" s="76" customFormat="1" x14ac:dyDescent="0.35">
      <c r="D205" s="139"/>
    </row>
    <row r="206" spans="4:4" s="76" customFormat="1" x14ac:dyDescent="0.35">
      <c r="D206" s="139"/>
    </row>
    <row r="207" spans="4:4" s="76" customFormat="1" x14ac:dyDescent="0.35">
      <c r="D207" s="139"/>
    </row>
    <row r="208" spans="4:4" s="76" customFormat="1" x14ac:dyDescent="0.35">
      <c r="D208" s="139"/>
    </row>
    <row r="209" spans="4:4" s="76" customFormat="1" x14ac:dyDescent="0.35">
      <c r="D209" s="139"/>
    </row>
    <row r="210" spans="4:4" s="76" customFormat="1" x14ac:dyDescent="0.35">
      <c r="D210" s="139"/>
    </row>
    <row r="211" spans="4:4" s="76" customFormat="1" x14ac:dyDescent="0.35">
      <c r="D211" s="139"/>
    </row>
    <row r="212" spans="4:4" s="76" customFormat="1" x14ac:dyDescent="0.35">
      <c r="D212" s="139"/>
    </row>
    <row r="213" spans="4:4" s="76" customFormat="1" x14ac:dyDescent="0.35">
      <c r="D213" s="139"/>
    </row>
    <row r="214" spans="4:4" s="76" customFormat="1" x14ac:dyDescent="0.35">
      <c r="D214" s="139"/>
    </row>
    <row r="215" spans="4:4" s="76" customFormat="1" x14ac:dyDescent="0.35">
      <c r="D215" s="139"/>
    </row>
    <row r="216" spans="4:4" s="76" customFormat="1" x14ac:dyDescent="0.35">
      <c r="D216" s="139"/>
    </row>
    <row r="217" spans="4:4" s="76" customFormat="1" x14ac:dyDescent="0.35">
      <c r="D217" s="139"/>
    </row>
    <row r="218" spans="4:4" s="76" customFormat="1" x14ac:dyDescent="0.35">
      <c r="D218" s="139"/>
    </row>
    <row r="219" spans="4:4" s="76" customFormat="1" x14ac:dyDescent="0.35">
      <c r="D219" s="139"/>
    </row>
    <row r="220" spans="4:4" s="76" customFormat="1" x14ac:dyDescent="0.35">
      <c r="D220" s="139"/>
    </row>
    <row r="221" spans="4:4" s="76" customFormat="1" x14ac:dyDescent="0.35">
      <c r="D221" s="139"/>
    </row>
    <row r="222" spans="4:4" s="76" customFormat="1" x14ac:dyDescent="0.35">
      <c r="D222" s="139"/>
    </row>
    <row r="223" spans="4:4" s="76" customFormat="1" x14ac:dyDescent="0.35">
      <c r="D223" s="139"/>
    </row>
    <row r="224" spans="4:4" s="76" customFormat="1" x14ac:dyDescent="0.35">
      <c r="D224" s="139"/>
    </row>
  </sheetData>
  <mergeCells count="88">
    <mergeCell ref="C8:F8"/>
    <mergeCell ref="C11:F11"/>
    <mergeCell ref="C10:F10"/>
    <mergeCell ref="C2:F2"/>
    <mergeCell ref="E82:F82"/>
    <mergeCell ref="D66:E66"/>
    <mergeCell ref="C76:C83"/>
    <mergeCell ref="D63:E63"/>
    <mergeCell ref="C67:C72"/>
    <mergeCell ref="D57:E57"/>
    <mergeCell ref="D58:E58"/>
    <mergeCell ref="C59:C62"/>
    <mergeCell ref="D59:E59"/>
    <mergeCell ref="D60:E60"/>
    <mergeCell ref="D61:E61"/>
    <mergeCell ref="D62:E62"/>
    <mergeCell ref="E83:F83"/>
    <mergeCell ref="D67:E67"/>
    <mergeCell ref="D68:E68"/>
    <mergeCell ref="D69:E69"/>
    <mergeCell ref="D70:E70"/>
    <mergeCell ref="D71:E71"/>
    <mergeCell ref="D72:E72"/>
    <mergeCell ref="D76:D77"/>
    <mergeCell ref="D78:D80"/>
    <mergeCell ref="D82:D83"/>
    <mergeCell ref="E84:F84"/>
    <mergeCell ref="E86:F86"/>
    <mergeCell ref="C84:C86"/>
    <mergeCell ref="C3:F3"/>
    <mergeCell ref="C5:F5"/>
    <mergeCell ref="C6:F6"/>
    <mergeCell ref="C7:F7"/>
    <mergeCell ref="C9:F9"/>
    <mergeCell ref="C65:L65"/>
    <mergeCell ref="E76:F76"/>
    <mergeCell ref="E77:F77"/>
    <mergeCell ref="E78:F78"/>
    <mergeCell ref="E79:F79"/>
    <mergeCell ref="E80:F80"/>
    <mergeCell ref="E81:F81"/>
    <mergeCell ref="C75:F75"/>
    <mergeCell ref="D56:E56"/>
    <mergeCell ref="D43:E43"/>
    <mergeCell ref="D44:E44"/>
    <mergeCell ref="C45:C57"/>
    <mergeCell ref="D45:E45"/>
    <mergeCell ref="D46:E46"/>
    <mergeCell ref="D47:E47"/>
    <mergeCell ref="D48:E48"/>
    <mergeCell ref="D49:E49"/>
    <mergeCell ref="D50:E50"/>
    <mergeCell ref="D51:E51"/>
    <mergeCell ref="D52:E52"/>
    <mergeCell ref="D53:E53"/>
    <mergeCell ref="D54:E54"/>
    <mergeCell ref="D55:E55"/>
    <mergeCell ref="D33:E33"/>
    <mergeCell ref="D35:E35"/>
    <mergeCell ref="D36:E36"/>
    <mergeCell ref="C37:C43"/>
    <mergeCell ref="D37:E37"/>
    <mergeCell ref="D38:E38"/>
    <mergeCell ref="D39:E39"/>
    <mergeCell ref="D40:E40"/>
    <mergeCell ref="D41:E41"/>
    <mergeCell ref="D42:E42"/>
    <mergeCell ref="D28:E28"/>
    <mergeCell ref="D29:E29"/>
    <mergeCell ref="D30:E30"/>
    <mergeCell ref="D31:E31"/>
    <mergeCell ref="D32:E32"/>
    <mergeCell ref="D14:E14"/>
    <mergeCell ref="C15:C36"/>
    <mergeCell ref="D15:E15"/>
    <mergeCell ref="D16:E16"/>
    <mergeCell ref="D17:E17"/>
    <mergeCell ref="D18:E18"/>
    <mergeCell ref="D19:E19"/>
    <mergeCell ref="D20:E20"/>
    <mergeCell ref="D21:E21"/>
    <mergeCell ref="D22:E22"/>
    <mergeCell ref="D34:E34"/>
    <mergeCell ref="D23:E23"/>
    <mergeCell ref="D24:E24"/>
    <mergeCell ref="D25:E25"/>
    <mergeCell ref="D26:E26"/>
    <mergeCell ref="D27:E27"/>
  </mergeCells>
  <dataValidations count="2">
    <dataValidation type="list" allowBlank="1" showInputMessage="1" showErrorMessage="1" sqref="G86" xr:uid="{DDA85399-805A-4DE1-A9E4-4B8A03BDD13B}">
      <formula1>"Few, Many"</formula1>
    </dataValidation>
    <dataValidation allowBlank="1" showErrorMessage="1" promptTitle="Volume" prompt="Please select Most or Few to indicate volume of processed individual data" sqref="G78" xr:uid="{FAA9EB87-FFEA-4BCF-BC7D-464CBA021114}"/>
  </dataValidations>
  <pageMargins left="0.25" right="0.25" top="0.75" bottom="0.75" header="0.3" footer="0.3"/>
  <pageSetup scale="42" fitToHeight="0" orientation="portrait" r:id="rId1"/>
  <headerFooter>
    <oddHeader>&amp;L&amp;G&amp;C&amp;11&amp;"Calibri"Template
&amp;14&amp;BPersonal Data Classification Template - External Version&amp;R&amp;11&amp;P (&amp;N)</oddHeader>
    <oddFooter>&amp;L&amp;11&amp;"Calibri"Prepared: EMATKEN Kennet Mattsson
Approved: GFTLME [Dario Casella]
Open&amp;C&amp;11&amp;"Calibri"Date: 2025-06-17
Sheet: &amp;A
&amp;R&amp;11&amp;"Calibri"DocNo: 4/002 01-LXE 108 0035 Uen
Rev.: A
Reference:</oddFooter>
  </headerFooter>
  <legacyDrawing r:id="rId2"/>
  <legacyDrawingHF r:id="rId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3DCE7A2-1104-764A-9832-7F5533AD6FC8}">
  <dimension ref="A1:AT161"/>
  <sheetViews>
    <sheetView tabSelected="1" workbookViewId="0">
      <selection activeCell="A9" sqref="A9"/>
    </sheetView>
  </sheetViews>
  <sheetFormatPr defaultColWidth="14.1796875" defaultRowHeight="14.5" x14ac:dyDescent="0.35"/>
  <cols>
    <col min="1" max="1" width="14.1796875" style="76"/>
    <col min="2" max="2" width="48.1796875" bestFit="1" customWidth="1"/>
    <col min="3" max="3" width="12.36328125" bestFit="1" customWidth="1"/>
    <col min="4" max="4" width="30.6328125" bestFit="1" customWidth="1"/>
    <col min="5" max="9" width="14.6328125" customWidth="1"/>
    <col min="11" max="46" width="14.1796875" style="76"/>
  </cols>
  <sheetData>
    <row r="1" spans="2:10" s="76" customFormat="1" ht="15" thickBot="1" x14ac:dyDescent="0.4"/>
    <row r="2" spans="2:10" ht="32" customHeight="1" x14ac:dyDescent="0.35">
      <c r="B2" s="209" t="s">
        <v>209</v>
      </c>
      <c r="C2" s="210"/>
      <c r="D2" s="210"/>
      <c r="E2" s="210"/>
      <c r="F2" s="210"/>
      <c r="G2" s="210"/>
      <c r="H2" s="210"/>
      <c r="I2" s="210"/>
      <c r="J2" s="211"/>
    </row>
    <row r="3" spans="2:10" ht="15" customHeight="1" x14ac:dyDescent="0.35">
      <c r="B3" s="203" t="s">
        <v>215</v>
      </c>
      <c r="C3" s="204"/>
      <c r="D3" s="204"/>
      <c r="E3" s="204"/>
      <c r="F3" s="204"/>
      <c r="G3" s="204"/>
      <c r="H3" s="204"/>
      <c r="I3" s="204"/>
      <c r="J3" s="205"/>
    </row>
    <row r="4" spans="2:10" ht="15" customHeight="1" x14ac:dyDescent="0.35">
      <c r="B4" s="203" t="s">
        <v>214</v>
      </c>
      <c r="C4" s="204"/>
      <c r="D4" s="204"/>
      <c r="E4" s="204"/>
      <c r="F4" s="204"/>
      <c r="G4" s="204"/>
      <c r="H4" s="204"/>
      <c r="I4" s="204"/>
      <c r="J4" s="205"/>
    </row>
    <row r="5" spans="2:10" ht="15" customHeight="1" x14ac:dyDescent="0.35">
      <c r="B5" s="203" t="s">
        <v>210</v>
      </c>
      <c r="C5" s="204"/>
      <c r="D5" s="204"/>
      <c r="E5" s="204"/>
      <c r="F5" s="204"/>
      <c r="G5" s="204"/>
      <c r="H5" s="204"/>
      <c r="I5" s="204"/>
      <c r="J5" s="205"/>
    </row>
    <row r="6" spans="2:10" ht="15" customHeight="1" x14ac:dyDescent="0.35">
      <c r="B6" s="203" t="s">
        <v>211</v>
      </c>
      <c r="C6" s="204"/>
      <c r="D6" s="204"/>
      <c r="E6" s="204"/>
      <c r="F6" s="204"/>
      <c r="G6" s="204"/>
      <c r="H6" s="204"/>
      <c r="I6" s="204"/>
      <c r="J6" s="205"/>
    </row>
    <row r="7" spans="2:10" ht="15" customHeight="1" x14ac:dyDescent="0.35">
      <c r="B7" s="203" t="s">
        <v>212</v>
      </c>
      <c r="C7" s="204"/>
      <c r="D7" s="204"/>
      <c r="E7" s="204"/>
      <c r="F7" s="204"/>
      <c r="G7" s="204"/>
      <c r="H7" s="204"/>
      <c r="I7" s="204"/>
      <c r="J7" s="205"/>
    </row>
    <row r="8" spans="2:10" ht="15" thickBot="1" x14ac:dyDescent="0.4">
      <c r="B8" s="206" t="s">
        <v>217</v>
      </c>
      <c r="C8" s="207"/>
      <c r="D8" s="207"/>
      <c r="E8" s="207"/>
      <c r="F8" s="207"/>
      <c r="G8" s="207"/>
      <c r="H8" s="207"/>
      <c r="I8" s="207"/>
      <c r="J8" s="208"/>
    </row>
    <row r="9" spans="2:10" s="76" customFormat="1" x14ac:dyDescent="0.35">
      <c r="B9" s="144"/>
      <c r="C9" s="144"/>
      <c r="D9" s="144"/>
      <c r="E9" s="144"/>
      <c r="F9" s="144"/>
      <c r="G9" s="144"/>
      <c r="H9" s="144"/>
      <c r="I9" s="144"/>
      <c r="J9" s="144"/>
    </row>
    <row r="10" spans="2:10" s="76" customFormat="1" x14ac:dyDescent="0.35">
      <c r="B10" s="144"/>
      <c r="C10" s="144"/>
      <c r="D10" s="144"/>
      <c r="E10" s="144"/>
      <c r="F10" s="144"/>
      <c r="G10" s="144"/>
      <c r="H10" s="144"/>
      <c r="I10" s="144"/>
      <c r="J10" s="144"/>
    </row>
    <row r="11" spans="2:10" ht="26.5" thickBot="1" x14ac:dyDescent="0.65">
      <c r="B11" s="141" t="s">
        <v>218</v>
      </c>
      <c r="C11" s="76"/>
      <c r="D11" s="76"/>
      <c r="E11" s="76"/>
      <c r="F11" s="76"/>
      <c r="G11" s="76"/>
      <c r="H11" s="76"/>
      <c r="I11" s="76"/>
      <c r="J11" s="76"/>
    </row>
    <row r="12" spans="2:10" ht="58.5" thickBot="1" x14ac:dyDescent="0.4">
      <c r="B12" s="15" t="s">
        <v>146</v>
      </c>
      <c r="C12" s="16" t="s">
        <v>147</v>
      </c>
      <c r="D12" s="16" t="s">
        <v>0</v>
      </c>
      <c r="E12" s="29" t="s">
        <v>148</v>
      </c>
      <c r="F12" s="38" t="s">
        <v>206</v>
      </c>
      <c r="G12" s="38" t="s">
        <v>207</v>
      </c>
      <c r="H12" s="39" t="s">
        <v>208</v>
      </c>
      <c r="I12" s="39" t="s">
        <v>213</v>
      </c>
      <c r="J12" s="30" t="s">
        <v>123</v>
      </c>
    </row>
    <row r="13" spans="2:10" ht="26" x14ac:dyDescent="0.35">
      <c r="B13" s="216" t="s">
        <v>149</v>
      </c>
      <c r="C13" s="214" t="s">
        <v>150</v>
      </c>
      <c r="D13" s="22" t="s">
        <v>151</v>
      </c>
      <c r="E13" s="23"/>
      <c r="F13" s="47"/>
      <c r="G13" s="47"/>
      <c r="H13" s="47"/>
      <c r="I13" s="47"/>
      <c r="J13" s="48"/>
    </row>
    <row r="14" spans="2:10" ht="26" x14ac:dyDescent="0.35">
      <c r="B14" s="217"/>
      <c r="C14" s="215"/>
      <c r="D14" s="19" t="s">
        <v>152</v>
      </c>
      <c r="E14" s="25"/>
      <c r="F14" s="33"/>
      <c r="G14" s="33"/>
      <c r="H14" s="33"/>
      <c r="I14" s="33"/>
      <c r="J14" s="49"/>
    </row>
    <row r="15" spans="2:10" ht="39" x14ac:dyDescent="0.35">
      <c r="B15" s="217"/>
      <c r="C15" s="215"/>
      <c r="D15" s="19" t="s">
        <v>153</v>
      </c>
      <c r="E15" s="25"/>
      <c r="F15" s="33"/>
      <c r="G15" s="33"/>
      <c r="H15" s="33"/>
      <c r="I15" s="33"/>
      <c r="J15" s="49"/>
    </row>
    <row r="16" spans="2:10" x14ac:dyDescent="0.35">
      <c r="B16" s="217"/>
      <c r="C16" s="215"/>
      <c r="D16" s="19" t="s">
        <v>154</v>
      </c>
      <c r="E16" s="25"/>
      <c r="F16" s="33"/>
      <c r="G16" s="33"/>
      <c r="H16" s="33"/>
      <c r="I16" s="33"/>
      <c r="J16" s="49"/>
    </row>
    <row r="17" spans="2:10" ht="26" x14ac:dyDescent="0.35">
      <c r="B17" s="217"/>
      <c r="C17" s="215" t="s">
        <v>155</v>
      </c>
      <c r="D17" s="19" t="s">
        <v>156</v>
      </c>
      <c r="E17" s="25"/>
      <c r="F17" s="33"/>
      <c r="G17" s="33"/>
      <c r="H17" s="33"/>
      <c r="I17" s="33"/>
      <c r="J17" s="49"/>
    </row>
    <row r="18" spans="2:10" ht="26" x14ac:dyDescent="0.35">
      <c r="B18" s="217"/>
      <c r="C18" s="215"/>
      <c r="D18" s="19" t="s">
        <v>157</v>
      </c>
      <c r="E18" s="25"/>
      <c r="F18" s="33"/>
      <c r="G18" s="33"/>
      <c r="H18" s="33"/>
      <c r="I18" s="33"/>
      <c r="J18" s="49"/>
    </row>
    <row r="19" spans="2:10" x14ac:dyDescent="0.35">
      <c r="B19" s="217"/>
      <c r="C19" s="215"/>
      <c r="D19" s="19" t="s">
        <v>158</v>
      </c>
      <c r="E19" s="25"/>
      <c r="F19" s="33"/>
      <c r="G19" s="33"/>
      <c r="H19" s="33"/>
      <c r="I19" s="33"/>
      <c r="J19" s="49"/>
    </row>
    <row r="20" spans="2:10" ht="26" x14ac:dyDescent="0.35">
      <c r="B20" s="217"/>
      <c r="C20" s="219"/>
      <c r="D20" s="20" t="s">
        <v>159</v>
      </c>
      <c r="E20" s="26"/>
      <c r="F20" s="34"/>
      <c r="G20" s="34"/>
      <c r="H20" s="34"/>
      <c r="I20" s="34"/>
      <c r="J20" s="49"/>
    </row>
    <row r="21" spans="2:10" x14ac:dyDescent="0.35">
      <c r="B21" s="217"/>
      <c r="C21" s="219" t="s">
        <v>160</v>
      </c>
      <c r="D21" s="19" t="s">
        <v>161</v>
      </c>
      <c r="E21" s="27"/>
      <c r="F21" s="35"/>
      <c r="G21" s="35"/>
      <c r="H21" s="35"/>
      <c r="I21" s="35"/>
      <c r="J21" s="49"/>
    </row>
    <row r="22" spans="2:10" ht="15" thickBot="1" x14ac:dyDescent="0.4">
      <c r="B22" s="218"/>
      <c r="C22" s="220"/>
      <c r="D22" s="21" t="s">
        <v>162</v>
      </c>
      <c r="E22" s="28"/>
      <c r="F22" s="36"/>
      <c r="G22" s="36"/>
      <c r="H22" s="36"/>
      <c r="I22" s="36"/>
      <c r="J22" s="50"/>
    </row>
    <row r="23" spans="2:10" x14ac:dyDescent="0.35">
      <c r="B23" s="212" t="s">
        <v>163</v>
      </c>
      <c r="C23" s="214" t="s">
        <v>164</v>
      </c>
      <c r="D23" s="22" t="s">
        <v>165</v>
      </c>
      <c r="E23" s="24"/>
      <c r="F23" s="32"/>
      <c r="G23" s="32"/>
      <c r="H23" s="32"/>
      <c r="I23" s="32"/>
      <c r="J23" s="51"/>
    </row>
    <row r="24" spans="2:10" x14ac:dyDescent="0.35">
      <c r="B24" s="213"/>
      <c r="C24" s="221"/>
      <c r="D24" s="17" t="s">
        <v>166</v>
      </c>
      <c r="E24" s="24"/>
      <c r="F24" s="32"/>
      <c r="G24" s="32"/>
      <c r="H24" s="32"/>
      <c r="I24" s="32"/>
      <c r="J24" s="49"/>
    </row>
    <row r="25" spans="2:10" x14ac:dyDescent="0.35">
      <c r="B25" s="213"/>
      <c r="C25" s="215"/>
      <c r="D25" s="19" t="s">
        <v>167</v>
      </c>
      <c r="E25" s="25"/>
      <c r="F25" s="33"/>
      <c r="G25" s="33"/>
      <c r="H25" s="33"/>
      <c r="I25" s="33"/>
      <c r="J25" s="49"/>
    </row>
    <row r="26" spans="2:10" ht="26" x14ac:dyDescent="0.35">
      <c r="B26" s="213"/>
      <c r="C26" s="215" t="s">
        <v>168</v>
      </c>
      <c r="D26" s="19" t="s">
        <v>169</v>
      </c>
      <c r="E26" s="25"/>
      <c r="F26" s="33"/>
      <c r="G26" s="33"/>
      <c r="H26" s="33"/>
      <c r="I26" s="33"/>
      <c r="J26" s="49"/>
    </row>
    <row r="27" spans="2:10" x14ac:dyDescent="0.35">
      <c r="B27" s="213"/>
      <c r="C27" s="215"/>
      <c r="D27" s="19" t="s">
        <v>170</v>
      </c>
      <c r="E27" s="25"/>
      <c r="F27" s="33"/>
      <c r="G27" s="33"/>
      <c r="H27" s="33"/>
      <c r="I27" s="33"/>
      <c r="J27" s="49"/>
    </row>
    <row r="28" spans="2:10" x14ac:dyDescent="0.35">
      <c r="B28" s="213"/>
      <c r="C28" s="215"/>
      <c r="D28" s="19" t="s">
        <v>171</v>
      </c>
      <c r="E28" s="25"/>
      <c r="F28" s="33"/>
      <c r="G28" s="33"/>
      <c r="H28" s="33"/>
      <c r="I28" s="33"/>
      <c r="J28" s="49"/>
    </row>
    <row r="29" spans="2:10" x14ac:dyDescent="0.35">
      <c r="B29" s="213"/>
      <c r="C29" s="215"/>
      <c r="D29" s="19" t="s">
        <v>172</v>
      </c>
      <c r="E29" s="25"/>
      <c r="F29" s="33"/>
      <c r="G29" s="33"/>
      <c r="H29" s="33"/>
      <c r="I29" s="33"/>
      <c r="J29" s="49"/>
    </row>
    <row r="30" spans="2:10" ht="26" x14ac:dyDescent="0.35">
      <c r="B30" s="213"/>
      <c r="C30" s="215"/>
      <c r="D30" s="19" t="s">
        <v>173</v>
      </c>
      <c r="E30" s="25"/>
      <c r="F30" s="33"/>
      <c r="G30" s="33"/>
      <c r="H30" s="33"/>
      <c r="I30" s="33"/>
      <c r="J30" s="49"/>
    </row>
    <row r="31" spans="2:10" x14ac:dyDescent="0.35">
      <c r="B31" s="213"/>
      <c r="C31" s="215"/>
      <c r="D31" s="19" t="s">
        <v>174</v>
      </c>
      <c r="E31" s="25"/>
      <c r="F31" s="33"/>
      <c r="G31" s="33"/>
      <c r="H31" s="33"/>
      <c r="I31" s="33"/>
      <c r="J31" s="49"/>
    </row>
    <row r="32" spans="2:10" x14ac:dyDescent="0.35">
      <c r="B32" s="213"/>
      <c r="C32" s="18" t="s">
        <v>175</v>
      </c>
      <c r="D32" s="19" t="s">
        <v>176</v>
      </c>
      <c r="E32" s="25"/>
      <c r="F32" s="33"/>
      <c r="G32" s="33"/>
      <c r="H32" s="33"/>
      <c r="I32" s="33"/>
      <c r="J32" s="49"/>
    </row>
    <row r="33" spans="2:10" ht="15" thickBot="1" x14ac:dyDescent="0.4">
      <c r="B33" s="213"/>
      <c r="C33" s="18" t="s">
        <v>177</v>
      </c>
      <c r="D33" s="19" t="s">
        <v>178</v>
      </c>
      <c r="E33" s="25"/>
      <c r="F33" s="37"/>
      <c r="G33" s="37"/>
      <c r="H33" s="40"/>
      <c r="I33" s="40"/>
      <c r="J33" s="50"/>
    </row>
    <row r="34" spans="2:10" x14ac:dyDescent="0.35">
      <c r="B34" s="212" t="s">
        <v>179</v>
      </c>
      <c r="C34" s="214" t="s">
        <v>180</v>
      </c>
      <c r="D34" s="22" t="s">
        <v>181</v>
      </c>
      <c r="E34" s="23"/>
      <c r="F34" s="32"/>
      <c r="G34" s="32"/>
      <c r="H34" s="32"/>
      <c r="I34" s="32"/>
      <c r="J34" s="51"/>
    </row>
    <row r="35" spans="2:10" x14ac:dyDescent="0.35">
      <c r="B35" s="213"/>
      <c r="C35" s="215"/>
      <c r="D35" s="19" t="s">
        <v>182</v>
      </c>
      <c r="E35" s="25"/>
      <c r="F35" s="33"/>
      <c r="G35" s="33"/>
      <c r="H35" s="33"/>
      <c r="I35" s="33"/>
      <c r="J35" s="49"/>
    </row>
    <row r="36" spans="2:10" x14ac:dyDescent="0.35">
      <c r="B36" s="213"/>
      <c r="C36" s="215"/>
      <c r="D36" s="19" t="s">
        <v>183</v>
      </c>
      <c r="E36" s="25"/>
      <c r="F36" s="33"/>
      <c r="G36" s="33"/>
      <c r="H36" s="33"/>
      <c r="I36" s="33"/>
      <c r="J36" s="49"/>
    </row>
    <row r="37" spans="2:10" x14ac:dyDescent="0.35">
      <c r="B37" s="213"/>
      <c r="C37" s="215" t="s">
        <v>184</v>
      </c>
      <c r="D37" s="19" t="s">
        <v>185</v>
      </c>
      <c r="E37" s="25"/>
      <c r="F37" s="33"/>
      <c r="G37" s="33"/>
      <c r="H37" s="33"/>
      <c r="I37" s="33"/>
      <c r="J37" s="49"/>
    </row>
    <row r="38" spans="2:10" x14ac:dyDescent="0.35">
      <c r="B38" s="213"/>
      <c r="C38" s="215"/>
      <c r="D38" s="19" t="s">
        <v>186</v>
      </c>
      <c r="E38" s="25"/>
      <c r="F38" s="33"/>
      <c r="G38" s="33"/>
      <c r="H38" s="33"/>
      <c r="I38" s="33"/>
      <c r="J38" s="49"/>
    </row>
    <row r="39" spans="2:10" ht="15" thickBot="1" x14ac:dyDescent="0.4">
      <c r="B39" s="213"/>
      <c r="C39" s="215"/>
      <c r="D39" s="19" t="s">
        <v>187</v>
      </c>
      <c r="E39" s="25"/>
      <c r="F39" s="37"/>
      <c r="G39" s="37"/>
      <c r="H39" s="40"/>
      <c r="I39" s="40"/>
      <c r="J39" s="50"/>
    </row>
    <row r="40" spans="2:10" x14ac:dyDescent="0.35">
      <c r="B40" s="216" t="s">
        <v>188</v>
      </c>
      <c r="C40" s="222" t="s">
        <v>189</v>
      </c>
      <c r="D40" s="22" t="s">
        <v>190</v>
      </c>
      <c r="E40" s="23"/>
      <c r="F40" s="32"/>
      <c r="G40" s="32"/>
      <c r="H40" s="32"/>
      <c r="I40" s="32"/>
      <c r="J40" s="51"/>
    </row>
    <row r="41" spans="2:10" x14ac:dyDescent="0.35">
      <c r="B41" s="217"/>
      <c r="C41" s="223"/>
      <c r="D41" s="17" t="s">
        <v>191</v>
      </c>
      <c r="E41" s="24"/>
      <c r="F41" s="32"/>
      <c r="G41" s="32"/>
      <c r="H41" s="32"/>
      <c r="I41" s="32"/>
      <c r="J41" s="49"/>
    </row>
    <row r="42" spans="2:10" x14ac:dyDescent="0.35">
      <c r="B42" s="217"/>
      <c r="C42" s="221"/>
      <c r="D42" s="19" t="s">
        <v>192</v>
      </c>
      <c r="E42" s="25"/>
      <c r="F42" s="33"/>
      <c r="G42" s="33"/>
      <c r="H42" s="33"/>
      <c r="I42" s="33"/>
      <c r="J42" s="49"/>
    </row>
    <row r="43" spans="2:10" x14ac:dyDescent="0.35">
      <c r="B43" s="217"/>
      <c r="C43" s="219" t="s">
        <v>193</v>
      </c>
      <c r="D43" s="19" t="s">
        <v>194</v>
      </c>
      <c r="E43" s="25"/>
      <c r="F43" s="33"/>
      <c r="G43" s="33"/>
      <c r="H43" s="33"/>
      <c r="I43" s="33"/>
      <c r="J43" s="49"/>
    </row>
    <row r="44" spans="2:10" x14ac:dyDescent="0.35">
      <c r="B44" s="217"/>
      <c r="C44" s="223"/>
      <c r="D44" s="19" t="s">
        <v>195</v>
      </c>
      <c r="E44" s="25"/>
      <c r="F44" s="33"/>
      <c r="G44" s="33"/>
      <c r="H44" s="33"/>
      <c r="I44" s="33"/>
      <c r="J44" s="49"/>
    </row>
    <row r="45" spans="2:10" x14ac:dyDescent="0.35">
      <c r="B45" s="217"/>
      <c r="C45" s="223"/>
      <c r="D45" s="19" t="s">
        <v>196</v>
      </c>
      <c r="E45" s="25"/>
      <c r="F45" s="33"/>
      <c r="G45" s="33"/>
      <c r="H45" s="33"/>
      <c r="I45" s="33"/>
      <c r="J45" s="49"/>
    </row>
    <row r="46" spans="2:10" x14ac:dyDescent="0.35">
      <c r="B46" s="217"/>
      <c r="C46" s="223"/>
      <c r="D46" s="19" t="s">
        <v>197</v>
      </c>
      <c r="E46" s="25"/>
      <c r="F46" s="33"/>
      <c r="G46" s="33"/>
      <c r="H46" s="33"/>
      <c r="I46" s="33"/>
      <c r="J46" s="49"/>
    </row>
    <row r="47" spans="2:10" ht="26" x14ac:dyDescent="0.35">
      <c r="B47" s="217"/>
      <c r="C47" s="221"/>
      <c r="D47" s="19" t="s">
        <v>198</v>
      </c>
      <c r="E47" s="25"/>
      <c r="F47" s="33"/>
      <c r="G47" s="33"/>
      <c r="H47" s="33"/>
      <c r="I47" s="33"/>
      <c r="J47" s="49"/>
    </row>
    <row r="48" spans="2:10" x14ac:dyDescent="0.35">
      <c r="B48" s="217"/>
      <c r="C48" s="219" t="s">
        <v>199</v>
      </c>
      <c r="D48" s="19" t="s">
        <v>200</v>
      </c>
      <c r="E48" s="25"/>
      <c r="F48" s="33"/>
      <c r="G48" s="33"/>
      <c r="H48" s="33"/>
      <c r="I48" s="33"/>
      <c r="J48" s="49"/>
    </row>
    <row r="49" spans="2:10" x14ac:dyDescent="0.35">
      <c r="B49" s="217"/>
      <c r="C49" s="223"/>
      <c r="D49" s="19" t="s">
        <v>201</v>
      </c>
      <c r="E49" s="25"/>
      <c r="F49" s="33"/>
      <c r="G49" s="33"/>
      <c r="H49" s="33"/>
      <c r="I49" s="33"/>
      <c r="J49" s="49"/>
    </row>
    <row r="50" spans="2:10" x14ac:dyDescent="0.35">
      <c r="B50" s="217"/>
      <c r="C50" s="221"/>
      <c r="D50" s="19" t="s">
        <v>202</v>
      </c>
      <c r="E50" s="25"/>
      <c r="F50" s="33"/>
      <c r="G50" s="33"/>
      <c r="H50" s="33"/>
      <c r="I50" s="33"/>
      <c r="J50" s="49"/>
    </row>
    <row r="51" spans="2:10" x14ac:dyDescent="0.35">
      <c r="B51" s="217"/>
      <c r="C51" s="215" t="s">
        <v>203</v>
      </c>
      <c r="D51" s="19" t="s">
        <v>204</v>
      </c>
      <c r="E51" s="26"/>
      <c r="F51" s="34"/>
      <c r="G51" s="34"/>
      <c r="H51" s="34"/>
      <c r="I51" s="34"/>
      <c r="J51" s="49"/>
    </row>
    <row r="52" spans="2:10" ht="15" thickBot="1" x14ac:dyDescent="0.4">
      <c r="B52" s="218"/>
      <c r="C52" s="224"/>
      <c r="D52" s="21" t="s">
        <v>205</v>
      </c>
      <c r="E52" s="31"/>
      <c r="F52" s="37"/>
      <c r="G52" s="37"/>
      <c r="H52" s="37"/>
      <c r="I52" s="37"/>
      <c r="J52" s="50"/>
    </row>
    <row r="53" spans="2:10" ht="39.5" thickBot="1" x14ac:dyDescent="0.4">
      <c r="B53" s="43" t="s">
        <v>216</v>
      </c>
      <c r="C53" s="41" t="s">
        <v>143</v>
      </c>
      <c r="D53" s="42" t="s">
        <v>144</v>
      </c>
      <c r="E53" s="44"/>
      <c r="F53" s="45"/>
      <c r="G53" s="45"/>
      <c r="H53" s="45"/>
      <c r="I53" s="45"/>
      <c r="J53" s="46"/>
    </row>
    <row r="54" spans="2:10" s="76" customFormat="1" x14ac:dyDescent="0.35"/>
    <row r="55" spans="2:10" s="76" customFormat="1" x14ac:dyDescent="0.35"/>
    <row r="56" spans="2:10" s="76" customFormat="1" x14ac:dyDescent="0.35"/>
    <row r="57" spans="2:10" s="76" customFormat="1" x14ac:dyDescent="0.35"/>
    <row r="58" spans="2:10" s="76" customFormat="1" x14ac:dyDescent="0.35"/>
    <row r="59" spans="2:10" s="76" customFormat="1" x14ac:dyDescent="0.35"/>
    <row r="60" spans="2:10" s="76" customFormat="1" x14ac:dyDescent="0.35"/>
    <row r="61" spans="2:10" s="76" customFormat="1" x14ac:dyDescent="0.35"/>
    <row r="62" spans="2:10" s="76" customFormat="1" x14ac:dyDescent="0.35"/>
    <row r="63" spans="2:10" s="76" customFormat="1" x14ac:dyDescent="0.35"/>
    <row r="64" spans="2:10" s="76" customFormat="1" x14ac:dyDescent="0.35"/>
    <row r="65" s="76" customFormat="1" x14ac:dyDescent="0.35"/>
    <row r="66" s="76" customFormat="1" x14ac:dyDescent="0.35"/>
    <row r="67" s="76" customFormat="1" x14ac:dyDescent="0.35"/>
    <row r="68" s="76" customFormat="1" x14ac:dyDescent="0.35"/>
    <row r="69" s="76" customFormat="1" x14ac:dyDescent="0.35"/>
    <row r="70" s="76" customFormat="1" x14ac:dyDescent="0.35"/>
    <row r="71" s="76" customFormat="1" x14ac:dyDescent="0.35"/>
    <row r="72" s="76" customFormat="1" x14ac:dyDescent="0.35"/>
    <row r="73" s="76" customFormat="1" x14ac:dyDescent="0.35"/>
    <row r="74" s="76" customFormat="1" x14ac:dyDescent="0.35"/>
    <row r="75" s="76" customFormat="1" x14ac:dyDescent="0.35"/>
    <row r="76" s="76" customFormat="1" x14ac:dyDescent="0.35"/>
    <row r="77" s="76" customFormat="1" x14ac:dyDescent="0.35"/>
    <row r="78" s="76" customFormat="1" x14ac:dyDescent="0.35"/>
    <row r="79" s="76" customFormat="1" x14ac:dyDescent="0.35"/>
    <row r="80" s="76" customFormat="1" x14ac:dyDescent="0.35"/>
    <row r="81" s="76" customFormat="1" x14ac:dyDescent="0.35"/>
    <row r="82" s="76" customFormat="1" x14ac:dyDescent="0.35"/>
    <row r="83" s="76" customFormat="1" x14ac:dyDescent="0.35"/>
    <row r="84" s="76" customFormat="1" x14ac:dyDescent="0.35"/>
    <row r="85" s="76" customFormat="1" x14ac:dyDescent="0.35"/>
    <row r="86" s="76" customFormat="1" x14ac:dyDescent="0.35"/>
    <row r="87" s="76" customFormat="1" x14ac:dyDescent="0.35"/>
    <row r="88" s="76" customFormat="1" x14ac:dyDescent="0.35"/>
    <row r="89" s="76" customFormat="1" x14ac:dyDescent="0.35"/>
    <row r="90" s="76" customFormat="1" x14ac:dyDescent="0.35"/>
    <row r="91" s="76" customFormat="1" x14ac:dyDescent="0.35"/>
    <row r="92" s="76" customFormat="1" x14ac:dyDescent="0.35"/>
    <row r="93" s="76" customFormat="1" x14ac:dyDescent="0.35"/>
    <row r="94" s="76" customFormat="1" x14ac:dyDescent="0.35"/>
    <row r="95" s="76" customFormat="1" x14ac:dyDescent="0.35"/>
    <row r="96" s="76" customFormat="1" x14ac:dyDescent="0.35"/>
    <row r="97" s="76" customFormat="1" x14ac:dyDescent="0.35"/>
    <row r="98" s="76" customFormat="1" x14ac:dyDescent="0.35"/>
    <row r="99" s="76" customFormat="1" x14ac:dyDescent="0.35"/>
    <row r="100" s="76" customFormat="1" x14ac:dyDescent="0.35"/>
    <row r="101" s="76" customFormat="1" x14ac:dyDescent="0.35"/>
    <row r="102" s="76" customFormat="1" x14ac:dyDescent="0.35"/>
    <row r="103" s="76" customFormat="1" x14ac:dyDescent="0.35"/>
    <row r="104" s="76" customFormat="1" x14ac:dyDescent="0.35"/>
    <row r="105" s="76" customFormat="1" x14ac:dyDescent="0.35"/>
    <row r="106" s="76" customFormat="1" x14ac:dyDescent="0.35"/>
    <row r="107" s="76" customFormat="1" x14ac:dyDescent="0.35"/>
    <row r="108" s="76" customFormat="1" x14ac:dyDescent="0.35"/>
    <row r="109" s="76" customFormat="1" x14ac:dyDescent="0.35"/>
    <row r="110" s="76" customFormat="1" x14ac:dyDescent="0.35"/>
    <row r="111" s="76" customFormat="1" x14ac:dyDescent="0.35"/>
    <row r="112" s="76" customFormat="1" x14ac:dyDescent="0.35"/>
    <row r="113" s="76" customFormat="1" x14ac:dyDescent="0.35"/>
    <row r="114" s="76" customFormat="1" x14ac:dyDescent="0.35"/>
    <row r="115" s="76" customFormat="1" x14ac:dyDescent="0.35"/>
    <row r="116" s="76" customFormat="1" x14ac:dyDescent="0.35"/>
    <row r="117" s="76" customFormat="1" x14ac:dyDescent="0.35"/>
    <row r="118" s="76" customFormat="1" x14ac:dyDescent="0.35"/>
    <row r="119" s="76" customFormat="1" x14ac:dyDescent="0.35"/>
    <row r="120" s="76" customFormat="1" x14ac:dyDescent="0.35"/>
    <row r="121" s="76" customFormat="1" x14ac:dyDescent="0.35"/>
    <row r="122" s="76" customFormat="1" x14ac:dyDescent="0.35"/>
    <row r="123" s="76" customFormat="1" x14ac:dyDescent="0.35"/>
    <row r="124" s="76" customFormat="1" x14ac:dyDescent="0.35"/>
    <row r="125" s="76" customFormat="1" x14ac:dyDescent="0.35"/>
    <row r="126" s="76" customFormat="1" x14ac:dyDescent="0.35"/>
    <row r="127" s="76" customFormat="1" x14ac:dyDescent="0.35"/>
    <row r="128" s="76" customFormat="1" x14ac:dyDescent="0.35"/>
    <row r="129" s="76" customFormat="1" x14ac:dyDescent="0.35"/>
    <row r="130" s="76" customFormat="1" x14ac:dyDescent="0.35"/>
    <row r="131" s="76" customFormat="1" x14ac:dyDescent="0.35"/>
    <row r="132" s="76" customFormat="1" x14ac:dyDescent="0.35"/>
    <row r="133" s="76" customFormat="1" x14ac:dyDescent="0.35"/>
    <row r="134" s="76" customFormat="1" x14ac:dyDescent="0.35"/>
    <row r="135" s="76" customFormat="1" x14ac:dyDescent="0.35"/>
    <row r="136" s="76" customFormat="1" x14ac:dyDescent="0.35"/>
    <row r="137" s="76" customFormat="1" x14ac:dyDescent="0.35"/>
    <row r="138" s="76" customFormat="1" x14ac:dyDescent="0.35"/>
    <row r="139" s="76" customFormat="1" x14ac:dyDescent="0.35"/>
    <row r="140" s="76" customFormat="1" x14ac:dyDescent="0.35"/>
    <row r="141" s="76" customFormat="1" x14ac:dyDescent="0.35"/>
    <row r="142" s="76" customFormat="1" x14ac:dyDescent="0.35"/>
    <row r="143" s="76" customFormat="1" x14ac:dyDescent="0.35"/>
    <row r="144" s="76" customFormat="1" x14ac:dyDescent="0.35"/>
    <row r="145" s="76" customFormat="1" x14ac:dyDescent="0.35"/>
    <row r="146" s="76" customFormat="1" x14ac:dyDescent="0.35"/>
    <row r="147" s="76" customFormat="1" x14ac:dyDescent="0.35"/>
    <row r="148" s="76" customFormat="1" x14ac:dyDescent="0.35"/>
    <row r="149" s="76" customFormat="1" x14ac:dyDescent="0.35"/>
    <row r="150" s="76" customFormat="1" x14ac:dyDescent="0.35"/>
    <row r="151" s="76" customFormat="1" x14ac:dyDescent="0.35"/>
    <row r="152" s="76" customFormat="1" x14ac:dyDescent="0.35"/>
    <row r="153" s="76" customFormat="1" x14ac:dyDescent="0.35"/>
    <row r="154" s="76" customFormat="1" x14ac:dyDescent="0.35"/>
    <row r="155" s="76" customFormat="1" x14ac:dyDescent="0.35"/>
    <row r="156" s="76" customFormat="1" x14ac:dyDescent="0.35"/>
    <row r="157" s="76" customFormat="1" x14ac:dyDescent="0.35"/>
    <row r="158" s="76" customFormat="1" x14ac:dyDescent="0.35"/>
    <row r="159" s="76" customFormat="1" x14ac:dyDescent="0.35"/>
    <row r="160" s="76" customFormat="1" x14ac:dyDescent="0.35"/>
    <row r="161" s="76" customFormat="1" x14ac:dyDescent="0.35"/>
  </sheetData>
  <mergeCells count="22">
    <mergeCell ref="B6:J6"/>
    <mergeCell ref="B40:B52"/>
    <mergeCell ref="C40:C42"/>
    <mergeCell ref="C43:C47"/>
    <mergeCell ref="C48:C50"/>
    <mergeCell ref="C51:C52"/>
    <mergeCell ref="B7:J7"/>
    <mergeCell ref="B8:J8"/>
    <mergeCell ref="B2:J2"/>
    <mergeCell ref="B34:B39"/>
    <mergeCell ref="C34:C36"/>
    <mergeCell ref="C37:C39"/>
    <mergeCell ref="B13:B22"/>
    <mergeCell ref="C13:C16"/>
    <mergeCell ref="C17:C20"/>
    <mergeCell ref="C21:C22"/>
    <mergeCell ref="B23:B33"/>
    <mergeCell ref="C23:C25"/>
    <mergeCell ref="C26:C31"/>
    <mergeCell ref="B3:J3"/>
    <mergeCell ref="B4:J4"/>
    <mergeCell ref="B5:J5"/>
  </mergeCells>
  <dataValidations count="1">
    <dataValidation type="list" allowBlank="1" showInputMessage="1" showErrorMessage="1" promptTitle="Volume" prompt="Please select Most or Few to indicate volume of processed individual data" sqref="D38" xr:uid="{FD6B5313-5336-C845-80A2-41EFE9155522}">
      <formula1>#REF!</formula1>
    </dataValidation>
  </dataValidations>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elementsMetadata":null,"transformationConfigurations":[{"propertyName":"SecurityClass","propertyValue":"{{Form.ConfidentialityClass.Confidentiality}}","type":"customDocumentProperty","headerFooterType":null,"leftSectionValue":null,"centerSectionValue":null,"rightSectionValue":null,"disableUpdates":false},{"propertyName":"ExtConf","propertyValue":"{{Form.ExternalConfidentialityLabel.ExternalConfidentiality}}","type":"customDocumentProperty","headerFooterType":null,"leftSectionValue":null,"centerSectionValue":null,"rightSectionValue":null,"disableUpdates":false},{"propertyName":"Prepared","propertyValue":"{{Form.Prepared}}","type":"customDocumentProperty","headerFooterType":null,"leftSectionValue":null,"centerSectionValue":null,"rightSectionValue":null,"disableUpdates":false},{"propertyName":"ApprovedBy","propertyValue":"{{Form.ApprovedBy}}","type":"customDocumentProperty","headerFooterType":null,"leftSectionValue":null,"centerSectionValue":null,"rightSectionValue":null,"disableUpdates":false},{"propertyName":"Checked","propertyValue":"{{Form.Checked}}","type":"customDocumentProperty","headerFooterType":null,"leftSectionValue":null,"centerSectionValue":null,"rightSectionValue":null,"disableUpdates":false},{"propertyName":"Date","propertyValue":"{{Form.Date}}","type":"customDocumentProperty","headerFooterType":null,"leftSectionValue":null,"centerSectionValue":null,"rightSectionValue":null,"disableUpdates":false},{"propertyName":"Reference","propertyValue":"{{Form.Reference}}","type":"customDocumentProperty","headerFooterType":null,"leftSectionValue":null,"centerSectionValue":null,"rightSectionValue":null,"disableUpdates":false},{"propertyName":"Title","propertyValue":"{{Form.DocumentTitle}}","type":"customDocumentProperty","headerFooterType":null,"leftSectionValue":null,"centerSectionValue":null,"rightSectionValue":null,"disableUpdates":false},{"propertyName":"Keyword","propertyValue":"{{Form.Keywords}}","type":"customDocumentProperty","headerFooterType":null,"leftSectionValue":null,"centerSectionValue":null,"rightSectionValue":null,"disableUpdates":false},{"propertyName":"Revision","propertyValue":"{{Form.Revision}}","type":"customDocumentProperty","headerFooterType":null,"leftSectionValue":null,"centerSectionValue":null,"rightSectionValue":null,"disableUpdates":false},{"propertyName":"DocNo","propertyValue":"{{Form.DocumentNumber}}","type":"customDocumentProperty","headerFooterType":null,"leftSectionValue":null,"centerSectionValue":null,"rightSectionValue":null,"disableUpdates":false},{"propertyName":"BCategory","propertyValue":" ","type":"customDocumentProperty","headerFooterType":null,"leftSectionValue":null,"centerSectionValue":null,"rightSectionValue":null,"disableUpdates":false},{"propertyName":"BSubject","propertyValue":" ","type":"customDocumentProperty","headerFooterType":null,"leftSectionValue":null,"centerSectionValue":null,"rightSectionValue":null,"disableUpdates":false},{"propertyName":"Conf","propertyValue":"{{Form.ConfidentialityClass.Confidentiality}}","type":"customDocumentProperty","headerFooterType":null,"leftSectionValue":null,"centerSectionValue":null,"rightSectionValue":null,"disableUpdates":false},{"propertyName":"TemplateName","propertyValue":"CXC 172 4735/5","type":"customDocumentProperty","headerFooterType":null,"leftSectionValue":null,"centerSectionValue":null,"rightSectionValue":null,"disableUpdates":false},{"propertyName":"TemplateVersion","propertyValue":"R3A","type":"customDocumentProperty","headerFooterType":null,"leftSectionValue":null,"centerSectionValue":null,"rightSectionValue":null,"disableUpdates":false},{"propertyName":"chkSec","propertyValue":"-1","type":"customDocumentProperty","headerFooterType":null,"leftSectionValue":null,"centerSectionValue":null,"rightSectionValue":null,"disableUpdates":false},{"propertyName":"SheetName","propertyValue":"-1","type":"customDocumentProperty","headerFooterType":null,"leftSectionValue":null,"centerSectionValue":null,"rightSectionValue":null,"disableUpdates":false},{"propertyName":"x","propertyValue":"1","type":"customDocumentProperty","headerFooterType":null,"leftSectionValue":null,"centerSectionValue":null,"rightSectionValue":null,"disableUpdates":false},{"propertyName":"DocType","propertyValue":"{{Form.DocTypeExcel}}","type":"customDocumentProperty","headerFooterType":null,"leftSectionValue":null,"centerSectionValue":null,"rightSectionValue":null,"disableUpdates":false},{"propertyName":"title","propertyValue":"{{Form.DocumentTitle}}","type":"documentProperty","headerFooterType":null,"leftSectionValue":null,"centerSectionValue":null,"rightSectionValue":null,"disableUpdates":false},{"propertyName":"keywords","propertyValue":"{{Form.Keywords}}","type":"documentProperty","headerFooterType":null,"leftSectionValue":null,"centerSectionValue":null,"rightSectionValue":null,"disableUpdates":false},{"propertyName":"creator","propertyValue":"{{Form.Prepared}}","type":"documentProperty","headerFooterType":null,"leftSectionValue":null,"centerSectionValue":null,"rightSectionValue":null,"disableUpdates":false},{"propertyName":"description","propertyValue":"{{Form.DocumentNumber}}\nRev {{Form.Revision}}","type":"documentProperty","headerFooterType":null,"leftSectionValue":null,"centerSectionValue":null,"rightSectionValue":null,"disableUpdates":false},{"propertyName":"company","propertyValue":"Ericsson","type":"documentProperty","headerFooterType":null,"leftSectionValue":null,"centerSectionValue":null,"rightSectionValue":null,"disableUpdates":false},{"propertyName":null,"propertyValue":null,"type":"headerFooter","headerFooterType":"allHeader","leftSectionValue":null,"centerSectionValue":"&amp;11&amp;\"Calibri\"{{Form.DocTypeExcel}}\n&amp;14&amp;B{{Form.DocumentTitle}}","rightSectionValue":null,"disableLeftSectionUpdates":false,"disableCenterSectionUpdates":false,"disableRightSectionUpdates":false},{"propertyName":null,"propertyValue":null,"type":"headerFooter","headerFooterType":"allFooter","leftSectionValue":"&amp;11&amp;\"Calibri\"Prepared: {{Form.Prepared}}\nApproved: {{Form.ApprovedBy}}\n{{Form.ConfidentialityClass.Confidentiality}}","centerSectionValue":"&amp;11&amp;\"Calibri\"Date: {{Form.Date}}\nSheet: &amp;A\n{{Form.ExternalConfidentialityLabel.ExternalConfidentiality}}","rightSectionValue":"&amp;11&amp;\"Calibri\"DocNo: {{Form.DocumentNumber}}\nRev.: {{Form.Revision}}\nReference: {{Form.Reference}}  ","disableLeftSectionUpdates":false,"disableCenterSectionUpdates":false,"disableRightSectionUpdates":false}],"templateName":"Ericsson","templateDescription":"","version":"1.9","enableDocumentContentUpdater":true}</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_Flow_SignoffStatus xmlns="586b82f4-be8b-4ff1-b97b-0de2e40f7875" xsi:nil="true"/>
    <SharedWithUsers xmlns="72b05ca3-3742-457c-8d45-44627644c90b">
      <UserInfo>
        <DisplayName>Urban Andersson PE</DisplayName>
        <AccountId>415</AccountId>
        <AccountType/>
      </UserInfo>
    </SharedWithUsers>
  </documentManagement>
</p:properties>
</file>

<file path=customXml/item3.xml><?xml version="1.0" encoding="utf-8"?>
<contentconnect xmlns="http://schemas.opentext.com/novous/objectid">
  <objectid>09004cffd6b1e592</objectid>
</contentconnect>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ontentconnect xmlns="http://schemas.opentext.com/novous/product_name">
  <product_name>d2</product_name>
</contentconnect>
</file>

<file path=customXml/item6.xml><?xml version="1.0" encoding="utf-8"?>
<ct:contentTypeSchema xmlns:ct="http://schemas.microsoft.com/office/2006/metadata/contentType" xmlns:ma="http://schemas.microsoft.com/office/2006/metadata/properties/metaAttributes" ct:_="" ma:_="" ma:contentTypeName="Document" ma:contentTypeID="0x0101000797742506CEC74D9C9F355EB4EDBA3E" ma:contentTypeVersion="12" ma:contentTypeDescription="Create a new document." ma:contentTypeScope="" ma:versionID="8653281d79cf24d0630dcbd6098ec2a7">
  <xs:schema xmlns:xsd="http://www.w3.org/2001/XMLSchema" xmlns:xs="http://www.w3.org/2001/XMLSchema" xmlns:p="http://schemas.microsoft.com/office/2006/metadata/properties" xmlns:ns2="586b82f4-be8b-4ff1-b97b-0de2e40f7875" xmlns:ns3="72b05ca3-3742-457c-8d45-44627644c90b" targetNamespace="http://schemas.microsoft.com/office/2006/metadata/properties" ma:root="true" ma:fieldsID="bbe847b0e8269dcf01e4be74c3b49ac1" ns2:_="" ns3:_="">
    <xs:import namespace="586b82f4-be8b-4ff1-b97b-0de2e40f7875"/>
    <xs:import namespace="72b05ca3-3742-457c-8d45-44627644c90b"/>
    <xs:element name="properties">
      <xs:complexType>
        <xs:sequence>
          <xs:element name="documentManagement">
            <xs:complexType>
              <xs:all>
                <xs:element ref="ns2:MediaServiceMetadata" minOccurs="0"/>
                <xs:element ref="ns2:MediaServiceFastMetadata" minOccurs="0"/>
                <xs:element ref="ns3:SharedWithUsers" minOccurs="0"/>
                <xs:element ref="ns3:SharedWithDetails" minOccurs="0"/>
                <xs:element ref="ns2:MediaServiceAutoKeyPoints" minOccurs="0"/>
                <xs:element ref="ns2:MediaServiceKeyPoints" minOccurs="0"/>
                <xs:element ref="ns2:_Flow_SignoffStatus" minOccurs="0"/>
                <xs:element ref="ns2:MediaServiceDateTaken" minOccurs="0"/>
                <xs:element ref="ns2:MediaServiceAutoTags" minOccurs="0"/>
                <xs:element ref="ns2:MediaServiceGenerationTime" minOccurs="0"/>
                <xs:element ref="ns2:MediaServiceEventHashCode" minOccurs="0"/>
                <xs:element ref="ns2:MediaServiceOCR" minOccurs="0"/>
              </xs:all>
            </xs:complexType>
          </xs:element>
        </xs:sequence>
      </xs:complexType>
    </xs:element>
  </xs:schema>
  <xs:schema xmlns:xsd="http://www.w3.org/2001/XMLSchema" xmlns:xs="http://www.w3.org/2001/XMLSchema" xmlns:dms="http://schemas.microsoft.com/office/2006/documentManagement/types" xmlns:pc="http://schemas.microsoft.com/office/infopath/2007/PartnerControls" targetNamespace="586b82f4-be8b-4ff1-b97b-0de2e40f7875" elementFormDefault="qualified">
    <xs:import namespace="http://schemas.microsoft.com/office/2006/documentManagement/types"/>
    <xs:import namespace="http://schemas.microsoft.com/office/infopath/2007/PartnerControls"/>
    <xs:element name="MediaServiceMetadata" ma:index="8" nillable="true" ma:displayName="MediaServiceMetadata" ma:hidden="true" ma:internalName="MediaServiceMetadata" ma:readOnly="true">
      <xs:simpleType>
        <xs:restriction base="dms:Note"/>
      </xs:simpleType>
    </xs:element>
    <xs:element name="MediaServiceFastMetadata" ma:index="9" nillable="true" ma:displayName="MediaServiceFastMetadata" ma:hidden="true" ma:internalName="MediaServiceFastMetadata" ma:readOnly="true">
      <xs:simpleType>
        <xs:restriction base="dms:Note"/>
      </xs:simpleType>
    </xs:element>
    <xs:element name="MediaServiceAutoKeyPoints" ma:index="12" nillable="true" ma:displayName="MediaServiceAutoKeyPoints" ma:hidden="true" ma:internalName="MediaServiceAutoKeyPoints" ma:readOnly="true">
      <xs:simpleType>
        <xs:restriction base="dms:Note"/>
      </xs:simpleType>
    </xs:element>
    <xs:element name="MediaServiceKeyPoints" ma:index="13" nillable="true" ma:displayName="KeyPoints" ma:internalName="MediaServiceKeyPoints" ma:readOnly="true">
      <xs:simpleType>
        <xs:restriction base="dms:Note">
          <xs:maxLength value="255"/>
        </xs:restriction>
      </xs:simpleType>
    </xs:element>
    <xs:element name="_Flow_SignoffStatus" ma:index="14" nillable="true" ma:displayName="Sign-off status" ma:internalName="Sign_x002d_off_x0020_status">
      <xs:simpleType>
        <xs:restriction base="dms:Text"/>
      </xs:simpleType>
    </xs:element>
    <xs:element name="MediaServiceDateTaken" ma:index="15" nillable="true" ma:displayName="MediaServiceDateTaken" ma:hidden="true" ma:internalName="MediaServiceDateTaken" ma:readOnly="true">
      <xs:simpleType>
        <xs:restriction base="dms:Text"/>
      </xs:simpleType>
    </xs:element>
    <xs:element name="MediaServiceAutoTags" ma:index="16" nillable="true" ma:displayName="Tags" ma:internalName="MediaServiceAutoTags" ma:readOnly="true">
      <xs:simpleType>
        <xs:restriction base="dms:Text"/>
      </xs:simpleType>
    </xs:element>
    <xs:element name="MediaServiceGenerationTime" ma:index="17" nillable="true" ma:displayName="MediaServiceGenerationTime" ma:hidden="true" ma:internalName="MediaServiceGenerationTime" ma:readOnly="true">
      <xs:simpleType>
        <xs:restriction base="dms:Text"/>
      </xs:simpleType>
    </xs:element>
    <xs:element name="MediaServiceEventHashCode" ma:index="18" nillable="true" ma:displayName="MediaServiceEventHashCode" ma:hidden="true" ma:internalName="MediaServiceEventHashCode" ma:readOnly="true">
      <xs:simpleType>
        <xs:restriction base="dms:Text"/>
      </xs:simpleType>
    </xs:element>
    <xs:element name="MediaServiceOCR" ma:index="19" nillable="true" ma:displayName="Extracted Text" ma:internalName="MediaServiceOCR" ma:readOnly="true">
      <xs:simpleType>
        <xs:restriction base="dms:Note">
          <xs:maxLength value="255"/>
        </xs:restriction>
      </xs:simpleType>
    </xs:element>
  </xs:schema>
  <xs:schema xmlns:xsd="http://www.w3.org/2001/XMLSchema" xmlns:xs="http://www.w3.org/2001/XMLSchema" xmlns:dms="http://schemas.microsoft.com/office/2006/documentManagement/types" xmlns:pc="http://schemas.microsoft.com/office/infopath/2007/PartnerControls" targetNamespace="72b05ca3-3742-457c-8d45-44627644c90b" elementFormDefault="qualified">
    <xs:import namespace="http://schemas.microsoft.com/office/2006/documentManagement/types"/>
    <xs:import namespace="http://schemas.microsoft.com/office/infopath/2007/PartnerControls"/>
    <xs:element name="SharedWithUsers" ma:index="10" nillable="true" ma:displayName="Shared With" ma:internalName="SharedWithUsers" ma:readOnly="true">
      <xs:complexType>
        <xs:complexContent>
          <xs:extension base="dms:UserMulti">
            <xs:sequence>
              <xs:element name="UserInfo" minOccurs="0" maxOccurs="unbounded">
                <xs:complexType>
                  <xs:sequence>
                    <xs:element name="DisplayName" type="xsd:string" minOccurs="0"/>
                    <xs:element name="AccountId" type="dms:UserId" minOccurs="0" nillable="true"/>
                    <xs:element name="AccountType" type="xsd:string" minOccurs="0"/>
                  </xs:sequence>
                </xs:complexType>
              </xs:element>
            </xs:sequence>
          </xs:extension>
        </xs:complexContent>
      </xs:complexType>
    </xs:element>
    <xs:element name="SharedWithDetails" ma:index="11" nillable="true" ma:displayName="Shared With Details" ma:internalName="SharedWithDetails" ma:readOnly="true">
      <xs:simpleType>
        <xs:restriction base="dms:Note">
          <xs:maxLength value="255"/>
        </xs:restriction>
      </xs:simpleType>
    </xs:element>
  </xs: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formFields":[{"name":"DocumentTitle","required":false,"placeholder":"","lines":0,"type":"textBox","label":"Document Title","helpTexts":{"prefix":"","postfix":""},"spacing":{},"fullyQualifiedName":"DocumentTitle"},{"name":"DocTypeExcel","required":false,"placeholder":"","type":"comboBox","label":"Document Type","helpTexts":{"prefix":"","postfix":"If the document type differs from the default value, click on the X to delete and type/choose another type."},"spacing":{},"fullyQualifiedName":"DocTypeExcel","dataSource":"Excel Document Type","column":"docType","autoSelectFirstOption":false},{"name":"ConfidentialityClass","required":false,"type":"dropDown","label":"Confidentiality Class","helpTexts":{"prefix":"","postfix":""},"spacing":{},"fullyQualifiedName":"ConfidentialityClass","dataSource":"Confidentiality","displayColumn":"confidentiality","hideIfNoUserInteractionRequired":false,"distinct":true,"defaultValue":"4","autoSelectFirstOption":false},{"name":"ExternalConfidentialityLabel","dataSource":"External Confidentiality label","required":false,"autoSelectFirstOption":false,"type":"dropDown","label":"External Confidentiality label","helpTexts":{"prefix":"","postfix":""},"spacing":{},"fullyQualifiedName":"ExternalConfidentialityLabel","displayColumn":"externalConfidentiality","hideIfNoUserInteractionRequired":false,"distinct":true,"defaultValue":"1"},{"name":"DocumentNumber","required":false,"type":"textBox","label":"Document Number","helpTexts":{"prefix":"","postfix":""},"spacing":{},"fullyQualifiedName":"DocumentNumber","placeholder":"","lines":0},{"name":"Revision","required":false,"placeholder":"","type":"comboBox","label":"Revision","helpTexts":{"prefix":"","postfix":""},"spacing":{},"fullyQualifiedName":"Revision","dataSource":"Revision","column":"revision","autoSelectFirstOption":false},{"name":"Date","required":false,"type":"datePicker","label":"Date","helpTexts":{"prefix":"","postfix":""},"spacing":{},"fullyQualifiedName":"Date"},{"name":"Prepared","required":false,"defaultValue":"{{UserProfile.Prepared}}","type":"textBox","label":"Prepared By (Subject Responsible)","helpTexts":{"prefix":"","postfix":""},"spacing":{},"fullyQualifiedName":"Prepared","placeholder":"","lines":0},{"name":"ApprovedBy","required":false,"placeholder":"","lines":0,"type":"textBox","label":"Approved By (Document Responsible)","helpTexts":{"prefix":"","postfix":""},"spacing":{},"fullyQualifiedName":"ApprovedBy"},{"name":"Checked","required":false,"placeholder":"","lines":0,"type":"textBox","label":"Checked","helpTexts":{"prefix":"","postfix":""},"spacing":{},"fullyQualifiedName":"Checked"},{"name":"Reference","required":false,"placeholder":"","lines":0,"type":"textBox","label":"Reference","helpTexts":{"prefix":"","postfix":""},"spacing":{},"fullyQualifiedName":"Reference"},{"name":"Keywords","required":false,"placeholder":"","lines":0,"type":"textBox","label":"Keywords","helpTexts":{"prefix":"","postfix":""},"spacing":{},"fullyQualifiedName":"Keywords"}]}</TemplafyFormConfiguration>
</file>

<file path=customXml/itemProps1.xml><?xml version="1.0" encoding="utf-8"?>
<ds:datastoreItem xmlns:ds="http://schemas.openxmlformats.org/officeDocument/2006/customXml" ds:itemID="{B037E5B9-5601-417C-A91D-38FF97C00474}">
  <ds:schemaRefs/>
</ds:datastoreItem>
</file>

<file path=customXml/itemProps2.xml><?xml version="1.0" encoding="utf-8"?>
<ds:datastoreItem xmlns:ds="http://schemas.openxmlformats.org/officeDocument/2006/customXml" ds:itemID="{210EB7B6-DBA0-4797-923A-755D9E8271B6}">
  <ds:schemaRefs>
    <ds:schemaRef ds:uri="http://www.w3.org/XML/1998/namespace"/>
    <ds:schemaRef ds:uri="http://purl.org/dc/elements/1.1/"/>
    <ds:schemaRef ds:uri="http://schemas.microsoft.com/office/2006/documentManagement/types"/>
    <ds:schemaRef ds:uri="http://purl.org/dc/terms/"/>
    <ds:schemaRef ds:uri="http://schemas.microsoft.com/office/2006/metadata/properties"/>
    <ds:schemaRef ds:uri="586b82f4-be8b-4ff1-b97b-0de2e40f7875"/>
    <ds:schemaRef ds:uri="http://schemas.microsoft.com/office/infopath/2007/PartnerControls"/>
    <ds:schemaRef ds:uri="http://schemas.openxmlformats.org/package/2006/metadata/core-properties"/>
    <ds:schemaRef ds:uri="72b05ca3-3742-457c-8d45-44627644c90b"/>
    <ds:schemaRef ds:uri="http://purl.org/dc/dcmitype/"/>
  </ds:schemaRefs>
</ds:datastoreItem>
</file>

<file path=customXml/itemProps3.xml><?xml version="1.0" encoding="utf-8"?>
<ds:datastoreItem xmlns:ds="http://schemas.openxmlformats.org/officeDocument/2006/customXml" ds:itemID="{E5242F64-4331-46E8-9B3E-7E632FECA3C5}">
  <ds:schemaRefs>
    <ds:schemaRef ds:uri="http://schemas.opentext.com/novous/objectid"/>
  </ds:schemaRefs>
</ds:datastoreItem>
</file>

<file path=customXml/itemProps4.xml><?xml version="1.0" encoding="utf-8"?>
<ds:datastoreItem xmlns:ds="http://schemas.openxmlformats.org/officeDocument/2006/customXml" ds:itemID="{0BF198AD-EBA7-4807-8A17-8D0E49BFCBAF}">
  <ds:schemaRefs>
    <ds:schemaRef ds:uri="http://schemas.microsoft.com/sharepoint/v3/contenttype/forms"/>
  </ds:schemaRefs>
</ds:datastoreItem>
</file>

<file path=customXml/itemProps5.xml><?xml version="1.0" encoding="utf-8"?>
<ds:datastoreItem xmlns:ds="http://schemas.openxmlformats.org/officeDocument/2006/customXml" ds:itemID="{4CB6739A-20ED-42DE-B1B7-37F888A0F05E}">
  <ds:schemaRefs>
    <ds:schemaRef ds:uri="http://schemas.opentext.com/novous/product_name"/>
  </ds:schemaRefs>
</ds:datastoreItem>
</file>

<file path=customXml/itemProps6.xml><?xml version="1.0" encoding="utf-8"?>
<ds:datastoreItem xmlns:ds="http://schemas.openxmlformats.org/officeDocument/2006/customXml" ds:itemID="{00C549BF-7956-424D-908B-E235700069D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86b82f4-be8b-4ff1-b97b-0de2e40f7875"/>
    <ds:schemaRef ds:uri="72b05ca3-3742-457c-8d45-44627644c9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889326B-9063-4961-9590-5A9A28FCFCE3}">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2</vt:i4>
      </vt:variant>
      <vt:variant>
        <vt:lpstr>Named Ranges</vt:lpstr>
      </vt:variant>
      <vt:variant>
        <vt:i4>1</vt:i4>
      </vt:variant>
    </vt:vector>
  </HeadingPairs>
  <TitlesOfParts>
    <vt:vector size="3" baseType="lpstr">
      <vt:lpstr>Data Classification Template</vt:lpstr>
      <vt:lpstr>Sensitive Data Classification</vt:lpstr>
      <vt:lpstr>'Data Classification Template'!Criteria</vt:lpstr>
    </vt:vector>
  </TitlesOfParts>
  <Manager/>
  <Company>Ericsson</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ersonal data Classification Instruction</dc:title>
  <dc:subject>Personal data Classification Instruction</dc:subject>
  <dc:creator>EMATKEN Kennet Mattsson;heidi.wahl@ericsson.com</dc:creator>
  <dc:description>LMF-14:001078 Uen_x000d_Rev H</dc:description>
  <cp:lastModifiedBy>Johnny Nyström</cp:lastModifiedBy>
  <cp:lastPrinted>2025-06-23T12:11:46Z</cp:lastPrinted>
  <dcterms:created xsi:type="dcterms:W3CDTF">2014-11-03T10:53:44Z</dcterms:created>
  <dcterms:modified xsi:type="dcterms:W3CDTF">2025-06-26T12:41:2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x">
    <vt:lpwstr>1</vt:lpwstr>
  </property>
  <property fmtid="{D5CDD505-2E9C-101B-9397-08002B2CF9AE}" pid="3" name="Checked">
    <vt:lpwstr/>
  </property>
  <property fmtid="{D5CDD505-2E9C-101B-9397-08002B2CF9AE}" pid="4" name="Reference">
    <vt:lpwstr/>
  </property>
  <property fmtid="{D5CDD505-2E9C-101B-9397-08002B2CF9AE}" pid="5" name="Keyword">
    <vt:lpwstr/>
  </property>
  <property fmtid="{D5CDD505-2E9C-101B-9397-08002B2CF9AE}" pid="6" name="TemplateName">
    <vt:lpwstr>CXC 172 4099/1</vt:lpwstr>
  </property>
  <property fmtid="{D5CDD505-2E9C-101B-9397-08002B2CF9AE}" pid="7" name="TemplateVersion">
    <vt:lpwstr>R3C</vt:lpwstr>
  </property>
  <property fmtid="{D5CDD505-2E9C-101B-9397-08002B2CF9AE}" pid="8" name="DocumentType">
    <vt:lpwstr>EricssonGeneral2</vt:lpwstr>
  </property>
  <property fmtid="{D5CDD505-2E9C-101B-9397-08002B2CF9AE}" pid="9" name="SheetName">
    <vt:lpwstr>-1</vt:lpwstr>
  </property>
  <property fmtid="{D5CDD505-2E9C-101B-9397-08002B2CF9AE}" pid="10" name="Conf">
    <vt:lpwstr>Ericsson Internal</vt:lpwstr>
  </property>
  <property fmtid="{D5CDD505-2E9C-101B-9397-08002B2CF9AE}" pid="11" name="chkSec">
    <vt:lpwstr>-1</vt:lpwstr>
  </property>
  <property fmtid="{D5CDD505-2E9C-101B-9397-08002B2CF9AE}" pid="12" name="ExtConf">
    <vt:lpwstr/>
  </property>
  <property fmtid="{D5CDD505-2E9C-101B-9397-08002B2CF9AE}" pid="13" name="TemplafyTemplateId">
    <vt:lpwstr>636928099893787361</vt:lpwstr>
  </property>
  <property fmtid="{D5CDD505-2E9C-101B-9397-08002B2CF9AE}" pid="14" name="TemplafyTenantId">
    <vt:lpwstr>ericsson</vt:lpwstr>
  </property>
  <property fmtid="{D5CDD505-2E9C-101B-9397-08002B2CF9AE}" pid="15" name="TemplafyUserProfileId">
    <vt:lpwstr>636945408975716254</vt:lpwstr>
  </property>
  <property fmtid="{D5CDD505-2E9C-101B-9397-08002B2CF9AE}" pid="16" name="UpgradedFromLegacy">
    <vt:lpwstr>1</vt:lpwstr>
  </property>
  <property fmtid="{D5CDD505-2E9C-101B-9397-08002B2CF9AE}" pid="17" name="ContentTypeId">
    <vt:lpwstr>0x0101000797742506CEC74D9C9F355EB4EDBA3E</vt:lpwstr>
  </property>
  <property fmtid="{D5CDD505-2E9C-101B-9397-08002B2CF9AE}" pid="18" name="DocName">
    <vt:lpwstr>TEMPLATE</vt:lpwstr>
  </property>
  <property fmtid="{D5CDD505-2E9C-101B-9397-08002B2CF9AE}" pid="19" name="BCategory">
    <vt:lpwstr>Research &amp; Development</vt:lpwstr>
  </property>
  <property fmtid="{D5CDD505-2E9C-101B-9397-08002B2CF9AE}" pid="20" name="BSubject">
    <vt:lpwstr>Organizational - Governance &amp; Administration</vt:lpwstr>
  </property>
  <property fmtid="{D5CDD505-2E9C-101B-9397-08002B2CF9AE}" pid="21" name="DocType">
    <vt:lpwstr>Template</vt:lpwstr>
  </property>
  <property fmtid="{D5CDD505-2E9C-101B-9397-08002B2CF9AE}" pid="22" name="Title">
    <vt:lpwstr>Personal Data Classification Template - External Version</vt:lpwstr>
  </property>
  <property fmtid="{D5CDD505-2E9C-101B-9397-08002B2CF9AE}" pid="23" name="DocNo">
    <vt:lpwstr>4/002 01-LXE 108 0035 Uen</vt:lpwstr>
  </property>
  <property fmtid="{D5CDD505-2E9C-101B-9397-08002B2CF9AE}" pid="24" name="Prepared">
    <vt:lpwstr>EMATKEN Kennet Mattsson</vt:lpwstr>
  </property>
  <property fmtid="{D5CDD505-2E9C-101B-9397-08002B2CF9AE}" pid="25" name="Date">
    <vt:lpwstr>2025-06-17</vt:lpwstr>
  </property>
  <property fmtid="{D5CDD505-2E9C-101B-9397-08002B2CF9AE}" pid="26" name="SecurityClass">
    <vt:lpwstr>Open</vt:lpwstr>
  </property>
  <property fmtid="{D5CDD505-2E9C-101B-9397-08002B2CF9AE}" pid="27" name="ApprovedBy">
    <vt:lpwstr>GFTLME [Dario Casella]</vt:lpwstr>
  </property>
  <property fmtid="{D5CDD505-2E9C-101B-9397-08002B2CF9AE}" pid="28" name="Revision">
    <vt:lpwstr>A</vt:lpwstr>
  </property>
</Properties>
</file>